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6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7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notesSlides/notesSlide45.xml" ContentType="application/vnd.openxmlformats-officedocument.presentationml.notesSlide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notesSlides/notesSlide46.xml" ContentType="application/vnd.openxmlformats-officedocument.presentationml.notesSlide+xml"/>
  <Override PartName="/ppt/notesSlides/notesSlide47.xml" ContentType="application/vnd.openxmlformats-officedocument.presentationml.notesSlide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notesSlides/notesSlide48.xml" ContentType="application/vnd.openxmlformats-officedocument.presentationml.notesSlide+xml"/>
  <Override PartName="/ppt/notesSlides/notesSlide49.xml" ContentType="application/vnd.openxmlformats-officedocument.presentationml.notesSlide+xml"/>
  <Override PartName="/ppt/notesSlides/notesSlide50.xml" ContentType="application/vnd.openxmlformats-officedocument.presentationml.notesSlide+xml"/>
  <Override PartName="/ppt/notesSlides/notesSlide51.xml" ContentType="application/vnd.openxmlformats-officedocument.presentationml.notesSlide+xml"/>
  <Override PartName="/ppt/notesSlides/notesSlide52.xml" ContentType="application/vnd.openxmlformats-officedocument.presentationml.notesSlide+xml"/>
  <Override PartName="/ppt/notesSlides/notesSlide5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670" r:id="rId1"/>
    <p:sldMasterId id="2147483671" r:id="rId2"/>
  </p:sldMasterIdLst>
  <p:notesMasterIdLst>
    <p:notesMasterId r:id="rId57"/>
  </p:notesMasterIdLst>
  <p:sldIdLst>
    <p:sldId id="256" r:id="rId3"/>
    <p:sldId id="334" r:id="rId4"/>
    <p:sldId id="258" r:id="rId5"/>
    <p:sldId id="260" r:id="rId6"/>
    <p:sldId id="308" r:id="rId7"/>
    <p:sldId id="263" r:id="rId8"/>
    <p:sldId id="264" r:id="rId9"/>
    <p:sldId id="266" r:id="rId10"/>
    <p:sldId id="309" r:id="rId11"/>
    <p:sldId id="270" r:id="rId12"/>
    <p:sldId id="274" r:id="rId13"/>
    <p:sldId id="265" r:id="rId14"/>
    <p:sldId id="267" r:id="rId15"/>
    <p:sldId id="272" r:id="rId16"/>
    <p:sldId id="273" r:id="rId17"/>
    <p:sldId id="315" r:id="rId18"/>
    <p:sldId id="316" r:id="rId19"/>
    <p:sldId id="317" r:id="rId20"/>
    <p:sldId id="277" r:id="rId21"/>
    <p:sldId id="298" r:id="rId22"/>
    <p:sldId id="281" r:id="rId23"/>
    <p:sldId id="282" r:id="rId24"/>
    <p:sldId id="283" r:id="rId25"/>
    <p:sldId id="327" r:id="rId26"/>
    <p:sldId id="328" r:id="rId27"/>
    <p:sldId id="269" r:id="rId28"/>
    <p:sldId id="329" r:id="rId29"/>
    <p:sldId id="284" r:id="rId30"/>
    <p:sldId id="319" r:id="rId31"/>
    <p:sldId id="320" r:id="rId32"/>
    <p:sldId id="286" r:id="rId33"/>
    <p:sldId id="287" r:id="rId34"/>
    <p:sldId id="321" r:id="rId35"/>
    <p:sldId id="289" r:id="rId36"/>
    <p:sldId id="322" r:id="rId37"/>
    <p:sldId id="323" r:id="rId38"/>
    <p:sldId id="324" r:id="rId39"/>
    <p:sldId id="325" r:id="rId40"/>
    <p:sldId id="326" r:id="rId41"/>
    <p:sldId id="257" r:id="rId42"/>
    <p:sldId id="330" r:id="rId43"/>
    <p:sldId id="259" r:id="rId44"/>
    <p:sldId id="295" r:id="rId45"/>
    <p:sldId id="288" r:id="rId46"/>
    <p:sldId id="306" r:id="rId47"/>
    <p:sldId id="304" r:id="rId48"/>
    <p:sldId id="313" r:id="rId49"/>
    <p:sldId id="290" r:id="rId50"/>
    <p:sldId id="291" r:id="rId51"/>
    <p:sldId id="293" r:id="rId52"/>
    <p:sldId id="335" r:id="rId53"/>
    <p:sldId id="311" r:id="rId54"/>
    <p:sldId id="332" r:id="rId55"/>
    <p:sldId id="333" r:id="rId56"/>
  </p:sldIdLst>
  <p:sldSz cx="9144000" cy="5143500" type="screen16x9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747775"/>
          </p15:clr>
        </p15:guide>
        <p15:guide id="2" pos="2880">
          <p15:clr>
            <a:srgbClr val="747775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6CC"/>
    <a:srgbClr val="254D8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B3DE141D-568A-4E84-80BD-38E2D9B28E3D}">
  <a:tblStyle styleId="{B3DE141D-568A-4E84-80BD-38E2D9B28E3D}" styleName="Table_0">
    <a:wholeTbl>
      <a:tcTxStyle b="off" i="off">
        <a:font>
          <a:latin typeface="Arial"/>
          <a:ea typeface="Arial"/>
          <a:cs typeface="Arial"/>
        </a:font>
        <a:schemeClr val="dk1"/>
      </a:tcTxStyle>
      <a:tcStyle>
        <a:tcBdr>
          <a:lef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/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TxStyle/>
      <a:tcStyle>
        <a:tcBdr/>
      </a:tcStyle>
    </a:band2H>
    <a:band1V>
      <a:tcTxStyle/>
      <a:tcStyle>
        <a:tcBdr>
          <a:top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TxStyle/>
      <a:tcStyle>
        <a:tcBdr/>
      </a:tcStyle>
    </a:band2V>
    <a:lastCol>
      <a:tcTxStyle b="on" i="off"/>
      <a:tcStyle>
        <a:tcBdr>
          <a:lef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lastCol>
    <a:firstCol>
      <a:tcTxStyle b="on" i="off"/>
      <a:tcStyle>
        <a:tcBdr>
          <a:lef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firstCol>
    <a:lastRow>
      <a:tcTxStyle b="on" i="off"/>
      <a:tcStyle>
        <a:tcBdr>
          <a:lef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lef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5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chemeClr val="accent5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ADCD20BD-B03C-4EEA-B297-04DFCB84F4C0}" styleName="Table_1">
    <a:wholeTbl>
      <a:tcTxStyle b="off" i="off">
        <a:font>
          <a:latin typeface="Arial"/>
          <a:ea typeface="Arial"/>
          <a:cs typeface="Arial"/>
        </a:font>
        <a:schemeClr val="dk1"/>
      </a:tcTxStyle>
      <a:tcStyle>
        <a:tcBdr>
          <a:lef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/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TxStyle/>
      <a:tcStyle>
        <a:tcBdr/>
      </a:tcStyle>
    </a:band2H>
    <a:band1V>
      <a:tcTxStyle/>
      <a:tcStyle>
        <a:tcBdr>
          <a:top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TxStyle/>
      <a:tcStyle>
        <a:tcBdr/>
      </a:tcStyle>
    </a:band2V>
    <a:lastCol>
      <a:tcTxStyle b="on" i="off"/>
      <a:tcStyle>
        <a:tcBdr>
          <a:lef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lastCol>
    <a:firstCol>
      <a:tcTxStyle b="on" i="off"/>
      <a:tcStyle>
        <a:tcBdr>
          <a:lef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firstCol>
    <a:lastRow>
      <a:tcTxStyle b="on" i="off"/>
      <a:tcStyle>
        <a:tcBdr>
          <a:lef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lef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chemeClr val="accent1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35758FB7-9AC5-4552-8A53-C91805E547FA}" styleName="Themed Style 1 - Accent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327F97BB-C833-4FB7-BDE5-3F7075034690}" styleName="Themed Style 2 - Accent 5">
    <a:tblBg>
      <a:fillRef idx="3">
        <a:schemeClr val="accent5"/>
      </a:fillRef>
      <a:effectRef idx="3">
        <a:schemeClr val="accent5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5">
                <a:tint val="50000"/>
              </a:schemeClr>
            </a:lnRef>
          </a:left>
          <a:right>
            <a:lnRef idx="1">
              <a:schemeClr val="accent5">
                <a:tint val="50000"/>
              </a:schemeClr>
            </a:lnRef>
          </a:right>
          <a:top>
            <a:lnRef idx="1">
              <a:schemeClr val="accent5">
                <a:tint val="50000"/>
              </a:schemeClr>
            </a:lnRef>
          </a:top>
          <a:bottom>
            <a:lnRef idx="1">
              <a:schemeClr val="accent5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BDBED569-4797-4DF1-A0F4-6AAB3CD982D8}" styleName="Light Style 3 - Accent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5A111915-BE36-4E01-A7E5-04B1672EAD32}" styleName="Light Style 2 - Accent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22838BEF-8BB2-4498-84A7-C5851F593DF1}" styleName="Medium Style 4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E929F9F4-4A8F-4326-A1B4-22849713DDAB}" styleName="Dark Style 1 - Accent 4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wholeTbl>
    <a:band1H>
      <a:tcStyle>
        <a:tcBdr/>
        <a:fill>
          <a:solidFill>
            <a:schemeClr val="accent4">
              <a:shade val="60000"/>
            </a:schemeClr>
          </a:solidFill>
        </a:fill>
      </a:tcStyle>
    </a:band1H>
    <a:band1V>
      <a:tcStyle>
        <a:tcBdr/>
        <a:fill>
          <a:solidFill>
            <a:schemeClr val="accent4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4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4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4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FABFCF23-3B69-468F-B69F-88F6DE6A72F2}" styleName="Medium Style 1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74C1A8A3-306A-4EB7-A6B1-4F7E0EB9C5D6}" styleName="Medium Style 3 - Accent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6385" autoAdjust="0"/>
    <p:restoredTop sz="93300" autoAdjust="0"/>
  </p:normalViewPr>
  <p:slideViewPr>
    <p:cSldViewPr snapToGrid="0">
      <p:cViewPr varScale="1">
        <p:scale>
          <a:sx n="76" d="100"/>
          <a:sy n="76" d="100"/>
        </p:scale>
        <p:origin x="209" y="41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slide" Target="slides/slide37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openxmlformats.org/officeDocument/2006/relationships/slide" Target="slides/slide40.xml"/><Relationship Id="rId47" Type="http://schemas.openxmlformats.org/officeDocument/2006/relationships/slide" Target="slides/slide45.xml"/><Relationship Id="rId50" Type="http://schemas.openxmlformats.org/officeDocument/2006/relationships/slide" Target="slides/slide48.xml"/><Relationship Id="rId55" Type="http://schemas.openxmlformats.org/officeDocument/2006/relationships/slide" Target="slides/slide53.xml"/><Relationship Id="rId7" Type="http://schemas.openxmlformats.org/officeDocument/2006/relationships/slide" Target="slides/slide5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9" Type="http://schemas.openxmlformats.org/officeDocument/2006/relationships/slide" Target="slides/slide27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slide" Target="slides/slide38.xml"/><Relationship Id="rId45" Type="http://schemas.openxmlformats.org/officeDocument/2006/relationships/slide" Target="slides/slide43.xml"/><Relationship Id="rId53" Type="http://schemas.openxmlformats.org/officeDocument/2006/relationships/slide" Target="slides/slide51.xml"/><Relationship Id="rId58" Type="http://schemas.openxmlformats.org/officeDocument/2006/relationships/presProps" Target="presProps.xml"/><Relationship Id="rId5" Type="http://schemas.openxmlformats.org/officeDocument/2006/relationships/slide" Target="slides/slide3.xml"/><Relationship Id="rId61" Type="http://schemas.openxmlformats.org/officeDocument/2006/relationships/tableStyles" Target="tableStyles.xml"/><Relationship Id="rId19" Type="http://schemas.openxmlformats.org/officeDocument/2006/relationships/slide" Target="slides/slide1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43" Type="http://schemas.openxmlformats.org/officeDocument/2006/relationships/slide" Target="slides/slide41.xml"/><Relationship Id="rId48" Type="http://schemas.openxmlformats.org/officeDocument/2006/relationships/slide" Target="slides/slide46.xml"/><Relationship Id="rId56" Type="http://schemas.openxmlformats.org/officeDocument/2006/relationships/slide" Target="slides/slide54.xml"/><Relationship Id="rId8" Type="http://schemas.openxmlformats.org/officeDocument/2006/relationships/slide" Target="slides/slide6.xml"/><Relationship Id="rId51" Type="http://schemas.openxmlformats.org/officeDocument/2006/relationships/slide" Target="slides/slide49.xml"/><Relationship Id="rId3" Type="http://schemas.openxmlformats.org/officeDocument/2006/relationships/slide" Target="slides/slide1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slide" Target="slides/slide36.xml"/><Relationship Id="rId46" Type="http://schemas.openxmlformats.org/officeDocument/2006/relationships/slide" Target="slides/slide44.xml"/><Relationship Id="rId59" Type="http://schemas.openxmlformats.org/officeDocument/2006/relationships/viewProps" Target="viewProps.xml"/><Relationship Id="rId20" Type="http://schemas.openxmlformats.org/officeDocument/2006/relationships/slide" Target="slides/slide18.xml"/><Relationship Id="rId41" Type="http://schemas.openxmlformats.org/officeDocument/2006/relationships/slide" Target="slides/slide39.xml"/><Relationship Id="rId54" Type="http://schemas.openxmlformats.org/officeDocument/2006/relationships/slide" Target="slides/slide5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49" Type="http://schemas.openxmlformats.org/officeDocument/2006/relationships/slide" Target="slides/slide47.xml"/><Relationship Id="rId57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31" Type="http://schemas.openxmlformats.org/officeDocument/2006/relationships/slide" Target="slides/slide29.xml"/><Relationship Id="rId44" Type="http://schemas.openxmlformats.org/officeDocument/2006/relationships/slide" Target="slides/slide42.xml"/><Relationship Id="rId52" Type="http://schemas.openxmlformats.org/officeDocument/2006/relationships/slide" Target="slides/slide50.xml"/><Relationship Id="rId60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/Relationships>
</file>

<file path=ppt/diagrams/_rels/data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image" Target="../media/image4.png"/></Relationships>
</file>

<file path=ppt/diagrams/_rels/data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jpg"/><Relationship Id="rId1" Type="http://schemas.openxmlformats.org/officeDocument/2006/relationships/image" Target="../media/image27.jpg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diagrams/_rels/drawing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image" Target="../media/image4.png"/></Relationships>
</file>

<file path=ppt/diagrams/_rels/drawing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jpg"/><Relationship Id="rId1" Type="http://schemas.openxmlformats.org/officeDocument/2006/relationships/image" Target="../media/image27.jpg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5_2">
  <dgm:title val=""/>
  <dgm:desc val=""/>
  <dgm:catLst>
    <dgm:cat type="accent5" pri="11200"/>
  </dgm:catLst>
  <dgm:styleLbl name="node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ln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accent5_2">
  <dgm:title val=""/>
  <dgm:desc val=""/>
  <dgm:catLst>
    <dgm:cat type="accent5" pri="11200"/>
  </dgm:catLst>
  <dgm:styleLbl name="node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ln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accent5_1">
  <dgm:title val=""/>
  <dgm:desc val=""/>
  <dgm:catLst>
    <dgm:cat type="accent5" pri="11100"/>
  </dgm:catLst>
  <dgm:styleLbl name="node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5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5">
        <a:alpha val="4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5_2">
  <dgm:title val=""/>
  <dgm:desc val=""/>
  <dgm:catLst>
    <dgm:cat type="accent5" pri="11200"/>
  </dgm:catLst>
  <dgm:styleLbl name="node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ln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5_1">
  <dgm:title val=""/>
  <dgm:desc val=""/>
  <dgm:catLst>
    <dgm:cat type="accent5" pri="11100"/>
  </dgm:catLst>
  <dgm:styleLbl name="node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5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5">
        <a:alpha val="4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5_4">
  <dgm:title val=""/>
  <dgm:desc val=""/>
  <dgm:catLst>
    <dgm:cat type="accent5" pri="11400"/>
  </dgm:catLst>
  <dgm:styleLbl name="node0">
    <dgm:fillClrLst meth="cycle">
      <a:schemeClr val="accent5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5">
        <a:shade val="50000"/>
      </a:schemeClr>
      <a:schemeClr val="accent5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5">
        <a:shade val="50000"/>
      </a:schemeClr>
      <a:schemeClr val="accent5">
        <a:tint val="55000"/>
      </a:schemeClr>
    </dgm:fillClrLst>
    <dgm:linClrLst meth="cycle">
      <a:schemeClr val="accent5">
        <a:shade val="50000"/>
      </a:schemeClr>
      <a:schemeClr val="accent5">
        <a:tint val="55000"/>
      </a:schemeClr>
    </dgm:linClrLst>
    <dgm:effectClrLst/>
    <dgm:txLinClrLst/>
    <dgm:txFillClrLst/>
    <dgm:txEffectClrLst/>
  </dgm:styleLbl>
  <dgm:styleLbl name="lnNode1">
    <dgm:fillClrLst meth="cycle">
      <a:schemeClr val="accent5">
        <a:shade val="50000"/>
      </a:schemeClr>
      <a:schemeClr val="accent5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5">
        <a:shade val="80000"/>
        <a:alpha val="50000"/>
      </a:schemeClr>
      <a:schemeClr val="accent5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5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5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5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5">
        <a:shade val="90000"/>
      </a:schemeClr>
      <a:schemeClr val="accent5">
        <a:tint val="50000"/>
      </a:schemeClr>
    </dgm:fillClrLst>
    <dgm:linClrLst meth="cycle">
      <a:schemeClr val="accent5">
        <a:shade val="90000"/>
      </a:schemeClr>
      <a:schemeClr val="accent5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5">
        <a:shade val="90000"/>
      </a:schemeClr>
      <a:schemeClr val="accent5">
        <a:tint val="50000"/>
      </a:schemeClr>
    </dgm:fillClrLst>
    <dgm:linClrLst meth="cycle">
      <a:schemeClr val="accent5">
        <a:shade val="90000"/>
      </a:schemeClr>
      <a:schemeClr val="accent5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5">
        <a:shade val="90000"/>
      </a:schemeClr>
      <a:schemeClr val="accent5">
        <a:tint val="50000"/>
      </a:schemeClr>
    </dgm:fillClrLst>
    <dgm:linClrLst meth="cycle">
      <a:schemeClr val="accent5">
        <a:shade val="90000"/>
      </a:schemeClr>
      <a:schemeClr val="accent5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5">
        <a:shade val="90000"/>
      </a:schemeClr>
      <a:schemeClr val="accent5">
        <a:tint val="50000"/>
      </a:schemeClr>
    </dgm:fillClrLst>
    <dgm:linClrLst meth="cycle">
      <a:schemeClr val="accent5">
        <a:shade val="90000"/>
      </a:schemeClr>
      <a:schemeClr val="accent5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5">
        <a:shade val="90000"/>
      </a:schemeClr>
      <a:schemeClr val="accent5">
        <a:tint val="50000"/>
      </a:schemeClr>
    </dgm:fillClrLst>
    <dgm:linClrLst meth="cycle">
      <a:schemeClr val="accent5">
        <a:shade val="90000"/>
      </a:schemeClr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5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5">
        <a:shade val="8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>
        <a:tint val="90000"/>
      </a:schemeClr>
    </dgm:fillClrLst>
    <dgm:linClrLst meth="repeat">
      <a:schemeClr val="accent5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>
        <a:tint val="7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5">
        <a:shade val="50000"/>
      </a:schemeClr>
      <a:schemeClr val="accent5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5">
        <a:shade val="50000"/>
      </a:schemeClr>
      <a:schemeClr val="accent5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5">
        <a:shade val="50000"/>
      </a:schemeClr>
      <a:schemeClr val="accent5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5">
        <a:shade val="50000"/>
      </a:schemeClr>
      <a:schemeClr val="accent5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5">
        <a:shade val="50000"/>
      </a:schemeClr>
      <a:schemeClr val="accent5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55000"/>
      </a:schemeClr>
    </dgm:fillClrLst>
    <dgm:linClrLst meth="repeat">
      <a:schemeClr val="accent5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55000"/>
      </a:schemeClr>
    </dgm:fillClrLst>
    <dgm:linClrLst meth="repeat">
      <a:schemeClr val="accent5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55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5_1">
  <dgm:title val=""/>
  <dgm:desc val=""/>
  <dgm:catLst>
    <dgm:cat type="accent5" pri="11100"/>
  </dgm:catLst>
  <dgm:styleLbl name="node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5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5">
        <a:alpha val="4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5_1">
  <dgm:title val=""/>
  <dgm:desc val=""/>
  <dgm:catLst>
    <dgm:cat type="accent5" pri="11100"/>
  </dgm:catLst>
  <dgm:styleLbl name="node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5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5">
        <a:alpha val="4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5_2">
  <dgm:title val=""/>
  <dgm:desc val=""/>
  <dgm:catLst>
    <dgm:cat type="accent5" pri="11200"/>
  </dgm:catLst>
  <dgm:styleLbl name="node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ln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5_2">
  <dgm:title val=""/>
  <dgm:desc val=""/>
  <dgm:catLst>
    <dgm:cat type="accent5" pri="11200"/>
  </dgm:catLst>
  <dgm:styleLbl name="node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ln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5_1">
  <dgm:title val=""/>
  <dgm:desc val=""/>
  <dgm:catLst>
    <dgm:cat type="accent5" pri="11100"/>
  </dgm:catLst>
  <dgm:styleLbl name="node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5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5">
        <a:alpha val="4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B4D5B92-E578-4F1B-80A8-FB4DEC263FA0}" type="doc">
      <dgm:prSet loTypeId="urn:microsoft.com/office/officeart/2005/8/layout/vList3" loCatId="list" qsTypeId="urn:microsoft.com/office/officeart/2005/8/quickstyle/simple2" qsCatId="simple" csTypeId="urn:microsoft.com/office/officeart/2005/8/colors/accent5_2" csCatId="accent5" phldr="1"/>
      <dgm:spPr/>
      <dgm:t>
        <a:bodyPr/>
        <a:lstStyle/>
        <a:p>
          <a:endParaRPr lang="en-US"/>
        </a:p>
      </dgm:t>
    </dgm:pt>
    <dgm:pt modelId="{CE7C5E26-B542-43BC-83D4-8AB2C5651F5F}">
      <dgm:prSet phldrT="[Text]" custT="1"/>
      <dgm:spPr/>
      <dgm:t>
        <a:bodyPr/>
        <a:lstStyle/>
        <a:p>
          <a:pPr algn="l">
            <a:buSzPts val="1800"/>
            <a:buFont typeface="Inter"/>
            <a:buChar char="●"/>
          </a:pPr>
          <a:r>
            <a:rPr lang="en-US" sz="1200" b="1" dirty="0">
              <a:latin typeface="+mn-lt"/>
              <a:ea typeface="Inter"/>
              <a:cs typeface="Inter"/>
              <a:sym typeface="Inter"/>
            </a:rPr>
            <a:t>OVERVIEW </a:t>
          </a:r>
          <a:endParaRPr lang="en-US" sz="1100" b="1" dirty="0">
            <a:latin typeface="+mn-lt"/>
          </a:endParaRPr>
        </a:p>
      </dgm:t>
    </dgm:pt>
    <dgm:pt modelId="{50CFEB4D-BFE8-4A44-BDB9-456A5CFDFF2E}" type="parTrans" cxnId="{2EC1B68B-C047-44EC-A69B-79970D4E78F4}">
      <dgm:prSet/>
      <dgm:spPr/>
      <dgm:t>
        <a:bodyPr/>
        <a:lstStyle/>
        <a:p>
          <a:pPr algn="l"/>
          <a:endParaRPr lang="en-US" b="1"/>
        </a:p>
      </dgm:t>
    </dgm:pt>
    <dgm:pt modelId="{8BEF7D7B-F7D6-472F-86BB-0ABF8DB8932D}" type="sibTrans" cxnId="{2EC1B68B-C047-44EC-A69B-79970D4E78F4}">
      <dgm:prSet/>
      <dgm:spPr/>
      <dgm:t>
        <a:bodyPr/>
        <a:lstStyle/>
        <a:p>
          <a:pPr algn="l"/>
          <a:endParaRPr lang="en-US" b="1"/>
        </a:p>
      </dgm:t>
    </dgm:pt>
    <dgm:pt modelId="{1CCB8331-82EF-42CD-8E4E-C7EC856DBF16}">
      <dgm:prSet phldrT="[Text]" custT="1"/>
      <dgm:spPr/>
      <dgm:t>
        <a:bodyPr/>
        <a:lstStyle/>
        <a:p>
          <a:pPr algn="l"/>
          <a:r>
            <a:rPr lang="en-US" sz="1200" b="1" dirty="0">
              <a:latin typeface="+mn-lt"/>
            </a:rPr>
            <a:t>BACKGROUND</a:t>
          </a:r>
          <a:endParaRPr lang="en-US" sz="1100" b="1" dirty="0">
            <a:latin typeface="+mn-lt"/>
          </a:endParaRPr>
        </a:p>
      </dgm:t>
    </dgm:pt>
    <dgm:pt modelId="{D4332D2E-2535-436F-BB54-09A3333EB913}" type="parTrans" cxnId="{F35832BC-08B4-4082-8AE8-C37E4BD4811E}">
      <dgm:prSet/>
      <dgm:spPr/>
      <dgm:t>
        <a:bodyPr/>
        <a:lstStyle/>
        <a:p>
          <a:pPr algn="l"/>
          <a:endParaRPr lang="en-US" b="1"/>
        </a:p>
      </dgm:t>
    </dgm:pt>
    <dgm:pt modelId="{83FC9123-4FAF-4AC7-99F5-22B2676178E0}" type="sibTrans" cxnId="{F35832BC-08B4-4082-8AE8-C37E4BD4811E}">
      <dgm:prSet/>
      <dgm:spPr/>
      <dgm:t>
        <a:bodyPr/>
        <a:lstStyle/>
        <a:p>
          <a:pPr algn="l"/>
          <a:endParaRPr lang="en-US" b="1"/>
        </a:p>
      </dgm:t>
    </dgm:pt>
    <dgm:pt modelId="{6B7B57C4-F598-40B3-8D49-8485EBEB7430}">
      <dgm:prSet phldrT="[Text]" custT="1"/>
      <dgm:spPr/>
      <dgm:t>
        <a:bodyPr/>
        <a:lstStyle/>
        <a:p>
          <a:pPr algn="l"/>
          <a:r>
            <a:rPr lang="en-US" sz="1200" b="1" dirty="0">
              <a:latin typeface="+mn-lt"/>
            </a:rPr>
            <a:t>SWOT ANALYSIS</a:t>
          </a:r>
          <a:endParaRPr lang="en-US" sz="1100" b="1" dirty="0">
            <a:latin typeface="+mn-lt"/>
          </a:endParaRPr>
        </a:p>
      </dgm:t>
    </dgm:pt>
    <dgm:pt modelId="{8F2A7574-6CA0-4570-9E5D-49BAB70B5121}" type="parTrans" cxnId="{28C12C3D-3B4C-4A26-A65D-FB417F535796}">
      <dgm:prSet/>
      <dgm:spPr/>
      <dgm:t>
        <a:bodyPr/>
        <a:lstStyle/>
        <a:p>
          <a:pPr algn="l"/>
          <a:endParaRPr lang="en-US" b="1"/>
        </a:p>
      </dgm:t>
    </dgm:pt>
    <dgm:pt modelId="{68A13731-96D3-464C-B0D1-E7755CF9BFA1}" type="sibTrans" cxnId="{28C12C3D-3B4C-4A26-A65D-FB417F535796}">
      <dgm:prSet/>
      <dgm:spPr/>
      <dgm:t>
        <a:bodyPr/>
        <a:lstStyle/>
        <a:p>
          <a:pPr algn="l"/>
          <a:endParaRPr lang="en-US" b="1"/>
        </a:p>
      </dgm:t>
    </dgm:pt>
    <dgm:pt modelId="{46E5AF92-F6EE-4A5E-82D5-16E8ECEC3FBC}">
      <dgm:prSet custT="1"/>
      <dgm:spPr/>
      <dgm:t>
        <a:bodyPr/>
        <a:lstStyle/>
        <a:p>
          <a:pPr algn="l"/>
          <a:r>
            <a:rPr lang="en-US" sz="1200" b="1" dirty="0">
              <a:latin typeface="+mn-lt"/>
            </a:rPr>
            <a:t>PROBLEM STATEMENT</a:t>
          </a:r>
          <a:endParaRPr lang="en-US" sz="1100" b="1" dirty="0">
            <a:latin typeface="+mn-lt"/>
          </a:endParaRPr>
        </a:p>
      </dgm:t>
    </dgm:pt>
    <dgm:pt modelId="{2C5C1A74-FABC-470B-BAF5-3D9A2B2DDB16}" type="parTrans" cxnId="{6F5C105D-4F92-425C-A54D-51752FAC4AA0}">
      <dgm:prSet/>
      <dgm:spPr/>
      <dgm:t>
        <a:bodyPr/>
        <a:lstStyle/>
        <a:p>
          <a:pPr algn="l"/>
          <a:endParaRPr lang="en-US" b="1"/>
        </a:p>
      </dgm:t>
    </dgm:pt>
    <dgm:pt modelId="{4B068016-4F6C-4FA7-9EF5-B4B516C3D2A6}" type="sibTrans" cxnId="{6F5C105D-4F92-425C-A54D-51752FAC4AA0}">
      <dgm:prSet/>
      <dgm:spPr/>
      <dgm:t>
        <a:bodyPr/>
        <a:lstStyle/>
        <a:p>
          <a:pPr algn="l"/>
          <a:endParaRPr lang="en-US" b="1"/>
        </a:p>
      </dgm:t>
    </dgm:pt>
    <dgm:pt modelId="{2BB3A774-83EB-42A0-ABC1-E221B0FC3535}">
      <dgm:prSet custT="1"/>
      <dgm:spPr/>
      <dgm:t>
        <a:bodyPr/>
        <a:lstStyle/>
        <a:p>
          <a:pPr algn="l"/>
          <a:r>
            <a:rPr lang="en-US" sz="1200" b="1" dirty="0">
              <a:latin typeface="+mn-lt"/>
            </a:rPr>
            <a:t>METHODOLOGY</a:t>
          </a:r>
          <a:endParaRPr lang="en-US" sz="1100" b="1" dirty="0">
            <a:latin typeface="+mn-lt"/>
          </a:endParaRPr>
        </a:p>
      </dgm:t>
    </dgm:pt>
    <dgm:pt modelId="{ED3DD75E-EACC-4DF4-984D-12BA688AB35F}" type="parTrans" cxnId="{31913F95-9B18-46BD-A24E-DD5BD21070E5}">
      <dgm:prSet/>
      <dgm:spPr/>
      <dgm:t>
        <a:bodyPr/>
        <a:lstStyle/>
        <a:p>
          <a:pPr algn="l"/>
          <a:endParaRPr lang="en-US" b="1"/>
        </a:p>
      </dgm:t>
    </dgm:pt>
    <dgm:pt modelId="{F80098CC-C4FA-4EAD-8A69-41CE5C36D358}" type="sibTrans" cxnId="{31913F95-9B18-46BD-A24E-DD5BD21070E5}">
      <dgm:prSet/>
      <dgm:spPr/>
      <dgm:t>
        <a:bodyPr/>
        <a:lstStyle/>
        <a:p>
          <a:pPr algn="l"/>
          <a:endParaRPr lang="en-US" b="1"/>
        </a:p>
      </dgm:t>
    </dgm:pt>
    <dgm:pt modelId="{D1EE96F8-B20C-411F-8471-BD0146101170}">
      <dgm:prSet custT="1"/>
      <dgm:spPr/>
      <dgm:t>
        <a:bodyPr/>
        <a:lstStyle/>
        <a:p>
          <a:pPr algn="l"/>
          <a:r>
            <a:rPr lang="en-US" sz="1200" b="1" dirty="0">
              <a:latin typeface="+mn-lt"/>
            </a:rPr>
            <a:t>DEPLOYMENT STRATEGIES, TIMELINE, CHALLENGES AND SOLUTIONS</a:t>
          </a:r>
          <a:endParaRPr lang="en-US" sz="1100" b="1" dirty="0">
            <a:latin typeface="+mn-lt"/>
          </a:endParaRPr>
        </a:p>
      </dgm:t>
    </dgm:pt>
    <dgm:pt modelId="{46F8F500-ACDA-43F3-BE1C-A4B59E7D2000}" type="parTrans" cxnId="{5D94A6B7-03D3-4D9C-B48C-8185BDD07396}">
      <dgm:prSet/>
      <dgm:spPr/>
      <dgm:t>
        <a:bodyPr/>
        <a:lstStyle/>
        <a:p>
          <a:pPr algn="l"/>
          <a:endParaRPr lang="en-US" b="1"/>
        </a:p>
      </dgm:t>
    </dgm:pt>
    <dgm:pt modelId="{B4AFD6C6-6045-4B73-9984-8EDCF4775CBC}" type="sibTrans" cxnId="{5D94A6B7-03D3-4D9C-B48C-8185BDD07396}">
      <dgm:prSet/>
      <dgm:spPr/>
      <dgm:t>
        <a:bodyPr/>
        <a:lstStyle/>
        <a:p>
          <a:pPr algn="l"/>
          <a:endParaRPr lang="en-US" b="1"/>
        </a:p>
      </dgm:t>
    </dgm:pt>
    <dgm:pt modelId="{1DEEE433-DD70-4288-A159-CC8EDE4D7769}">
      <dgm:prSet custT="1"/>
      <dgm:spPr/>
      <dgm:t>
        <a:bodyPr/>
        <a:lstStyle/>
        <a:p>
          <a:pPr algn="l"/>
          <a:r>
            <a:rPr lang="en-US" sz="1200" b="1" dirty="0">
              <a:latin typeface="+mn-lt"/>
            </a:rPr>
            <a:t>COST BENEFIT ANALYSIS</a:t>
          </a:r>
          <a:endParaRPr lang="en-US" sz="1100" b="1" dirty="0">
            <a:latin typeface="+mn-lt"/>
          </a:endParaRPr>
        </a:p>
      </dgm:t>
    </dgm:pt>
    <dgm:pt modelId="{2D279A0A-30D6-4806-A62B-08F8F18668FE}" type="parTrans" cxnId="{632B9878-66B7-47CD-BB14-B1EDA103AB35}">
      <dgm:prSet/>
      <dgm:spPr/>
      <dgm:t>
        <a:bodyPr/>
        <a:lstStyle/>
        <a:p>
          <a:pPr algn="l"/>
          <a:endParaRPr lang="en-US" b="1"/>
        </a:p>
      </dgm:t>
    </dgm:pt>
    <dgm:pt modelId="{5FB31EA9-836C-4F29-958D-E178C27F43A0}" type="sibTrans" cxnId="{632B9878-66B7-47CD-BB14-B1EDA103AB35}">
      <dgm:prSet/>
      <dgm:spPr/>
      <dgm:t>
        <a:bodyPr/>
        <a:lstStyle/>
        <a:p>
          <a:pPr algn="l"/>
          <a:endParaRPr lang="en-US" b="1"/>
        </a:p>
      </dgm:t>
    </dgm:pt>
    <dgm:pt modelId="{65837EAB-7BB8-4A73-918B-4E4E08886C9E}">
      <dgm:prSet custT="1"/>
      <dgm:spPr/>
      <dgm:t>
        <a:bodyPr/>
        <a:lstStyle/>
        <a:p>
          <a:pPr algn="l"/>
          <a:r>
            <a:rPr lang="en-US" sz="1200" b="1" dirty="0">
              <a:latin typeface="+mn-lt"/>
            </a:rPr>
            <a:t>LIMITATIONS OF THE PROJECT</a:t>
          </a:r>
          <a:endParaRPr lang="en-US" sz="1100" b="1" dirty="0">
            <a:latin typeface="+mn-lt"/>
          </a:endParaRPr>
        </a:p>
      </dgm:t>
    </dgm:pt>
    <dgm:pt modelId="{15593905-C338-4A4B-861D-0E98DFAC09E5}" type="parTrans" cxnId="{6C614D2B-5B10-45F5-910A-416792F7D83F}">
      <dgm:prSet/>
      <dgm:spPr/>
      <dgm:t>
        <a:bodyPr/>
        <a:lstStyle/>
        <a:p>
          <a:pPr algn="l"/>
          <a:endParaRPr lang="en-US" b="1"/>
        </a:p>
      </dgm:t>
    </dgm:pt>
    <dgm:pt modelId="{3D424353-9BA8-45E8-8DFC-2708FA805DC6}" type="sibTrans" cxnId="{6C614D2B-5B10-45F5-910A-416792F7D83F}">
      <dgm:prSet/>
      <dgm:spPr/>
      <dgm:t>
        <a:bodyPr/>
        <a:lstStyle/>
        <a:p>
          <a:pPr algn="l"/>
          <a:endParaRPr lang="en-US" b="1"/>
        </a:p>
      </dgm:t>
    </dgm:pt>
    <dgm:pt modelId="{4A33B8E8-3379-4C76-81EA-E0FC391171F8}">
      <dgm:prSet custT="1"/>
      <dgm:spPr/>
      <dgm:t>
        <a:bodyPr/>
        <a:lstStyle/>
        <a:p>
          <a:pPr algn="l"/>
          <a:r>
            <a:rPr lang="en-US" sz="1200" b="1">
              <a:latin typeface="+mn-lt"/>
            </a:rPr>
            <a:t>CONCLUSION</a:t>
          </a:r>
          <a:endParaRPr lang="en-US" sz="1100" b="1" dirty="0">
            <a:latin typeface="+mn-lt"/>
          </a:endParaRPr>
        </a:p>
      </dgm:t>
    </dgm:pt>
    <dgm:pt modelId="{5CAA285E-4A4F-4BBC-BCA4-5FE521F11BFF}" type="parTrans" cxnId="{64B2D553-4A63-4F72-A7F2-6B2E72DF0F20}">
      <dgm:prSet/>
      <dgm:spPr/>
      <dgm:t>
        <a:bodyPr/>
        <a:lstStyle/>
        <a:p>
          <a:pPr algn="l"/>
          <a:endParaRPr lang="en-US" b="1"/>
        </a:p>
      </dgm:t>
    </dgm:pt>
    <dgm:pt modelId="{163F16B0-1A95-4F18-AA93-B03AD56FD314}" type="sibTrans" cxnId="{64B2D553-4A63-4F72-A7F2-6B2E72DF0F20}">
      <dgm:prSet/>
      <dgm:spPr/>
      <dgm:t>
        <a:bodyPr/>
        <a:lstStyle/>
        <a:p>
          <a:pPr algn="l"/>
          <a:endParaRPr lang="en-US" b="1"/>
        </a:p>
      </dgm:t>
    </dgm:pt>
    <dgm:pt modelId="{FE45008A-EE87-4093-AB11-0074C96C512E}">
      <dgm:prSet custT="1"/>
      <dgm:spPr>
        <a:solidFill>
          <a:srgbClr val="0097A7">
            <a:hueOff val="0"/>
            <a:satOff val="0"/>
            <a:lumOff val="0"/>
            <a:alphaOff val="0"/>
          </a:srgbClr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gm:spPr>
      <dgm:t>
        <a:bodyPr spcFirstLastPara="0" vert="horz" wrap="square" lIns="133199" tIns="45720" rIns="85344" bIns="45720" numCol="1" spcCol="1270" anchor="ctr" anchorCtr="0"/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rgbClr val="F8F6F3"/>
              </a:solidFill>
              <a:latin typeface="Arial"/>
              <a:ea typeface="+mn-ea"/>
              <a:cs typeface="+mn-cs"/>
            </a:rPr>
            <a:t>TYPE OF MACHINE LEARNING</a:t>
          </a:r>
        </a:p>
      </dgm:t>
    </dgm:pt>
    <dgm:pt modelId="{FD4AC09B-214C-459C-996E-3D49BCFF358F}" type="parTrans" cxnId="{81F40FFF-4FE6-408F-9F89-E67CCD844030}">
      <dgm:prSet/>
      <dgm:spPr/>
      <dgm:t>
        <a:bodyPr/>
        <a:lstStyle/>
        <a:p>
          <a:endParaRPr lang="en-US"/>
        </a:p>
      </dgm:t>
    </dgm:pt>
    <dgm:pt modelId="{95660621-BC97-4BCD-956F-8DC4CD6B7395}" type="sibTrans" cxnId="{81F40FFF-4FE6-408F-9F89-E67CCD844030}">
      <dgm:prSet/>
      <dgm:spPr/>
      <dgm:t>
        <a:bodyPr/>
        <a:lstStyle/>
        <a:p>
          <a:endParaRPr lang="en-US"/>
        </a:p>
      </dgm:t>
    </dgm:pt>
    <dgm:pt modelId="{7FE1D52C-B323-479A-BC88-BCA09148778C}">
      <dgm:prSet custT="1"/>
      <dgm:spPr>
        <a:solidFill>
          <a:srgbClr val="0097A7"/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gm:spPr>
      <dgm:t>
        <a:bodyPr spcFirstLastPara="0" vert="horz" wrap="square" lIns="133199" tIns="45720" rIns="85344" bIns="45720" numCol="1" spcCol="1270" anchor="ctr" anchorCtr="0"/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rgbClr val="F8F6F3"/>
              </a:solidFill>
              <a:latin typeface="Arial"/>
              <a:ea typeface="+mn-ea"/>
              <a:cs typeface="+mn-cs"/>
            </a:rPr>
            <a:t>DATA COLLECTION</a:t>
          </a:r>
        </a:p>
      </dgm:t>
    </dgm:pt>
    <dgm:pt modelId="{1B15F0AA-6848-4451-AF5D-EE9F84872404}" type="parTrans" cxnId="{1F0A5375-99CE-441A-8950-2537BCD773C9}">
      <dgm:prSet/>
      <dgm:spPr/>
      <dgm:t>
        <a:bodyPr/>
        <a:lstStyle/>
        <a:p>
          <a:endParaRPr lang="en-US"/>
        </a:p>
      </dgm:t>
    </dgm:pt>
    <dgm:pt modelId="{3025EA7D-F42B-4214-9BE8-051E2AE78EB4}" type="sibTrans" cxnId="{1F0A5375-99CE-441A-8950-2537BCD773C9}">
      <dgm:prSet/>
      <dgm:spPr/>
      <dgm:t>
        <a:bodyPr/>
        <a:lstStyle/>
        <a:p>
          <a:endParaRPr lang="en-US"/>
        </a:p>
      </dgm:t>
    </dgm:pt>
    <dgm:pt modelId="{6CAA7AC8-10C8-46DB-AFAC-BF3179292374}" type="pres">
      <dgm:prSet presAssocID="{5B4D5B92-E578-4F1B-80A8-FB4DEC263FA0}" presName="linearFlow" presStyleCnt="0">
        <dgm:presLayoutVars>
          <dgm:dir/>
          <dgm:resizeHandles val="exact"/>
        </dgm:presLayoutVars>
      </dgm:prSet>
      <dgm:spPr/>
    </dgm:pt>
    <dgm:pt modelId="{9E0A81A3-1B91-422F-8D4B-55216448CCBF}" type="pres">
      <dgm:prSet presAssocID="{CE7C5E26-B542-43BC-83D4-8AB2C5651F5F}" presName="composite" presStyleCnt="0"/>
      <dgm:spPr/>
    </dgm:pt>
    <dgm:pt modelId="{4E02F979-2247-4CDB-8D07-13DEAC12E78E}" type="pres">
      <dgm:prSet presAssocID="{CE7C5E26-B542-43BC-83D4-8AB2C5651F5F}" presName="imgShp" presStyleLbl="fgImgPlace1" presStyleIdx="0" presStyleCnt="11"/>
      <dgm:spPr>
        <a:solidFill>
          <a:schemeClr val="accent5"/>
        </a:solidFill>
      </dgm:spPr>
    </dgm:pt>
    <dgm:pt modelId="{905EC1B8-8918-4185-A56C-6258AC65CDB5}" type="pres">
      <dgm:prSet presAssocID="{CE7C5E26-B542-43BC-83D4-8AB2C5651F5F}" presName="txShp" presStyleLbl="node1" presStyleIdx="0" presStyleCnt="11">
        <dgm:presLayoutVars>
          <dgm:bulletEnabled val="1"/>
        </dgm:presLayoutVars>
      </dgm:prSet>
      <dgm:spPr/>
    </dgm:pt>
    <dgm:pt modelId="{86CEF0A7-0436-4060-BF27-16F83B14A9D5}" type="pres">
      <dgm:prSet presAssocID="{8BEF7D7B-F7D6-472F-86BB-0ABF8DB8932D}" presName="spacing" presStyleCnt="0"/>
      <dgm:spPr/>
    </dgm:pt>
    <dgm:pt modelId="{809FCD16-2CA6-4F10-A372-BBDB50FD6477}" type="pres">
      <dgm:prSet presAssocID="{1CCB8331-82EF-42CD-8E4E-C7EC856DBF16}" presName="composite" presStyleCnt="0"/>
      <dgm:spPr/>
    </dgm:pt>
    <dgm:pt modelId="{BD98CBCC-504D-4A34-8D66-58C55033282D}" type="pres">
      <dgm:prSet presAssocID="{1CCB8331-82EF-42CD-8E4E-C7EC856DBF16}" presName="imgShp" presStyleLbl="fgImgPlace1" presStyleIdx="1" presStyleCnt="11"/>
      <dgm:spPr>
        <a:solidFill>
          <a:schemeClr val="accent5"/>
        </a:solidFill>
      </dgm:spPr>
    </dgm:pt>
    <dgm:pt modelId="{3419345F-B74F-49FC-96FA-E300257ADC86}" type="pres">
      <dgm:prSet presAssocID="{1CCB8331-82EF-42CD-8E4E-C7EC856DBF16}" presName="txShp" presStyleLbl="node1" presStyleIdx="1" presStyleCnt="11">
        <dgm:presLayoutVars>
          <dgm:bulletEnabled val="1"/>
        </dgm:presLayoutVars>
      </dgm:prSet>
      <dgm:spPr/>
    </dgm:pt>
    <dgm:pt modelId="{564AB2B6-A965-4634-8E05-5BAD8128DCFF}" type="pres">
      <dgm:prSet presAssocID="{83FC9123-4FAF-4AC7-99F5-22B2676178E0}" presName="spacing" presStyleCnt="0"/>
      <dgm:spPr/>
    </dgm:pt>
    <dgm:pt modelId="{09CAC6E7-EE41-4511-B93D-03CFB5309C30}" type="pres">
      <dgm:prSet presAssocID="{6B7B57C4-F598-40B3-8D49-8485EBEB7430}" presName="composite" presStyleCnt="0"/>
      <dgm:spPr/>
    </dgm:pt>
    <dgm:pt modelId="{6493A364-58B3-40D9-9C25-166BF85D6AE7}" type="pres">
      <dgm:prSet presAssocID="{6B7B57C4-F598-40B3-8D49-8485EBEB7430}" presName="imgShp" presStyleLbl="fgImgPlace1" presStyleIdx="2" presStyleCnt="11"/>
      <dgm:spPr>
        <a:solidFill>
          <a:schemeClr val="accent5"/>
        </a:solidFill>
      </dgm:spPr>
    </dgm:pt>
    <dgm:pt modelId="{38ED6AE4-35A0-4133-8A37-88912635208C}" type="pres">
      <dgm:prSet presAssocID="{6B7B57C4-F598-40B3-8D49-8485EBEB7430}" presName="txShp" presStyleLbl="node1" presStyleIdx="2" presStyleCnt="11">
        <dgm:presLayoutVars>
          <dgm:bulletEnabled val="1"/>
        </dgm:presLayoutVars>
      </dgm:prSet>
      <dgm:spPr/>
    </dgm:pt>
    <dgm:pt modelId="{7C8EF316-F7CF-425D-A2B0-AB35FDCDD732}" type="pres">
      <dgm:prSet presAssocID="{68A13731-96D3-464C-B0D1-E7755CF9BFA1}" presName="spacing" presStyleCnt="0"/>
      <dgm:spPr/>
    </dgm:pt>
    <dgm:pt modelId="{EFB31797-50AD-48F8-9735-7DE8585839E2}" type="pres">
      <dgm:prSet presAssocID="{46E5AF92-F6EE-4A5E-82D5-16E8ECEC3FBC}" presName="composite" presStyleCnt="0"/>
      <dgm:spPr/>
    </dgm:pt>
    <dgm:pt modelId="{1D18852A-11D2-407C-8B39-94F408CA6BAF}" type="pres">
      <dgm:prSet presAssocID="{46E5AF92-F6EE-4A5E-82D5-16E8ECEC3FBC}" presName="imgShp" presStyleLbl="fgImgPlace1" presStyleIdx="3" presStyleCnt="11"/>
      <dgm:spPr>
        <a:xfrm>
          <a:off x="1404419" y="1178086"/>
          <a:ext cx="302056" cy="302056"/>
        </a:xfrm>
        <a:prstGeom prst="ellipse">
          <a:avLst/>
        </a:prstGeom>
        <a:solidFill>
          <a:srgbClr val="0097A7"/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gm:spPr>
    </dgm:pt>
    <dgm:pt modelId="{9B3251B9-2140-4395-BB9B-16DD6B637A1E}" type="pres">
      <dgm:prSet presAssocID="{46E5AF92-F6EE-4A5E-82D5-16E8ECEC3FBC}" presName="txShp" presStyleLbl="node1" presStyleIdx="3" presStyleCnt="11">
        <dgm:presLayoutVars>
          <dgm:bulletEnabled val="1"/>
        </dgm:presLayoutVars>
      </dgm:prSet>
      <dgm:spPr/>
    </dgm:pt>
    <dgm:pt modelId="{CA9D279E-426F-40FA-912B-536F5C4CE49E}" type="pres">
      <dgm:prSet presAssocID="{4B068016-4F6C-4FA7-9EF5-B4B516C3D2A6}" presName="spacing" presStyleCnt="0"/>
      <dgm:spPr/>
    </dgm:pt>
    <dgm:pt modelId="{90C0DE65-49B9-4EE1-89FF-FB3A600FD7DE}" type="pres">
      <dgm:prSet presAssocID="{FE45008A-EE87-4093-AB11-0074C96C512E}" presName="composite" presStyleCnt="0"/>
      <dgm:spPr/>
    </dgm:pt>
    <dgm:pt modelId="{947827E3-0B4A-422A-A50A-373F8CBB8F88}" type="pres">
      <dgm:prSet presAssocID="{FE45008A-EE87-4093-AB11-0074C96C512E}" presName="imgShp" presStyleLbl="fgImgPlace1" presStyleIdx="4" presStyleCnt="11"/>
      <dgm:spPr>
        <a:xfrm>
          <a:off x="1421796" y="1570309"/>
          <a:ext cx="302056" cy="302056"/>
        </a:xfrm>
        <a:prstGeom prst="ellipse">
          <a:avLst/>
        </a:prstGeom>
        <a:solidFill>
          <a:srgbClr val="0097A7"/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gm:spPr>
    </dgm:pt>
    <dgm:pt modelId="{50EF5C65-097E-42A1-BC80-E032C89CE95C}" type="pres">
      <dgm:prSet presAssocID="{FE45008A-EE87-4093-AB11-0074C96C512E}" presName="txShp" presStyleLbl="node1" presStyleIdx="4" presStyleCnt="11" custScaleX="98817" custScaleY="87394">
        <dgm:presLayoutVars>
          <dgm:bulletEnabled val="1"/>
        </dgm:presLayoutVars>
      </dgm:prSet>
      <dgm:spPr>
        <a:xfrm rot="10800000">
          <a:off x="1607578" y="1589348"/>
          <a:ext cx="5806049" cy="263979"/>
        </a:xfrm>
        <a:prstGeom prst="homePlate">
          <a:avLst/>
        </a:prstGeom>
      </dgm:spPr>
    </dgm:pt>
    <dgm:pt modelId="{8AB9F500-0445-480F-864D-7DCBE3825B69}" type="pres">
      <dgm:prSet presAssocID="{95660621-BC97-4BCD-956F-8DC4CD6B7395}" presName="spacing" presStyleCnt="0"/>
      <dgm:spPr/>
    </dgm:pt>
    <dgm:pt modelId="{5B1ED6DB-497D-4130-9B2D-E95329D4EFD1}" type="pres">
      <dgm:prSet presAssocID="{7FE1D52C-B323-479A-BC88-BCA09148778C}" presName="composite" presStyleCnt="0"/>
      <dgm:spPr/>
    </dgm:pt>
    <dgm:pt modelId="{C211AB59-6DB6-4BB7-B018-CFE21B92CF31}" type="pres">
      <dgm:prSet presAssocID="{7FE1D52C-B323-479A-BC88-BCA09148778C}" presName="imgShp" presStyleLbl="fgImgPlace1" presStyleIdx="5" presStyleCnt="11"/>
      <dgm:spPr>
        <a:xfrm>
          <a:off x="1404419" y="1962532"/>
          <a:ext cx="302056" cy="302056"/>
        </a:xfrm>
        <a:prstGeom prst="ellipse">
          <a:avLst/>
        </a:prstGeom>
        <a:solidFill>
          <a:srgbClr val="0097A7"/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gm:spPr>
    </dgm:pt>
    <dgm:pt modelId="{178E3397-FDC1-4903-B803-066BE764CA7C}" type="pres">
      <dgm:prSet presAssocID="{7FE1D52C-B323-479A-BC88-BCA09148778C}" presName="txShp" presStyleLbl="node1" presStyleIdx="5" presStyleCnt="11">
        <dgm:presLayoutVars>
          <dgm:bulletEnabled val="1"/>
        </dgm:presLayoutVars>
      </dgm:prSet>
      <dgm:spPr>
        <a:xfrm rot="10800000">
          <a:off x="1555447" y="1962532"/>
          <a:ext cx="5875556" cy="302056"/>
        </a:xfrm>
        <a:prstGeom prst="homePlate">
          <a:avLst/>
        </a:prstGeom>
      </dgm:spPr>
    </dgm:pt>
    <dgm:pt modelId="{62FA1476-C198-4796-B979-5728AE8EE490}" type="pres">
      <dgm:prSet presAssocID="{3025EA7D-F42B-4214-9BE8-051E2AE78EB4}" presName="spacing" presStyleCnt="0"/>
      <dgm:spPr/>
    </dgm:pt>
    <dgm:pt modelId="{CBCF0ABB-FD02-46B6-BBD7-4EA1FADFD3DD}" type="pres">
      <dgm:prSet presAssocID="{2BB3A774-83EB-42A0-ABC1-E221B0FC3535}" presName="composite" presStyleCnt="0"/>
      <dgm:spPr/>
    </dgm:pt>
    <dgm:pt modelId="{626B3893-E297-42E3-BB64-C300B8A6FA60}" type="pres">
      <dgm:prSet presAssocID="{2BB3A774-83EB-42A0-ABC1-E221B0FC3535}" presName="imgShp" presStyleLbl="fgImgPlace1" presStyleIdx="6" presStyleCnt="11"/>
      <dgm:spPr>
        <a:solidFill>
          <a:schemeClr val="accent5"/>
        </a:solidFill>
      </dgm:spPr>
    </dgm:pt>
    <dgm:pt modelId="{73C64F2E-9C76-4951-B183-B82930C14F7E}" type="pres">
      <dgm:prSet presAssocID="{2BB3A774-83EB-42A0-ABC1-E221B0FC3535}" presName="txShp" presStyleLbl="node1" presStyleIdx="6" presStyleCnt="11">
        <dgm:presLayoutVars>
          <dgm:bulletEnabled val="1"/>
        </dgm:presLayoutVars>
      </dgm:prSet>
      <dgm:spPr/>
    </dgm:pt>
    <dgm:pt modelId="{09F2B1EE-1837-4090-9B42-3F1B8DF0EEED}" type="pres">
      <dgm:prSet presAssocID="{F80098CC-C4FA-4EAD-8A69-41CE5C36D358}" presName="spacing" presStyleCnt="0"/>
      <dgm:spPr/>
    </dgm:pt>
    <dgm:pt modelId="{8A1EFD81-C1C5-4D88-B940-77D53115D1B5}" type="pres">
      <dgm:prSet presAssocID="{D1EE96F8-B20C-411F-8471-BD0146101170}" presName="composite" presStyleCnt="0"/>
      <dgm:spPr/>
    </dgm:pt>
    <dgm:pt modelId="{4E3D682C-B42E-451D-AEB0-F30CC12127CD}" type="pres">
      <dgm:prSet presAssocID="{D1EE96F8-B20C-411F-8471-BD0146101170}" presName="imgShp" presStyleLbl="fgImgPlace1" presStyleIdx="7" presStyleCnt="11"/>
      <dgm:spPr>
        <a:solidFill>
          <a:schemeClr val="accent5"/>
        </a:solidFill>
      </dgm:spPr>
    </dgm:pt>
    <dgm:pt modelId="{176519B7-A569-48E7-B4C5-4D6B13E3C704}" type="pres">
      <dgm:prSet presAssocID="{D1EE96F8-B20C-411F-8471-BD0146101170}" presName="txShp" presStyleLbl="node1" presStyleIdx="7" presStyleCnt="11">
        <dgm:presLayoutVars>
          <dgm:bulletEnabled val="1"/>
        </dgm:presLayoutVars>
      </dgm:prSet>
      <dgm:spPr/>
    </dgm:pt>
    <dgm:pt modelId="{C99B6CCB-0A2E-4FAB-B3BD-8017FB4D39DB}" type="pres">
      <dgm:prSet presAssocID="{B4AFD6C6-6045-4B73-9984-8EDCF4775CBC}" presName="spacing" presStyleCnt="0"/>
      <dgm:spPr/>
    </dgm:pt>
    <dgm:pt modelId="{05B841E2-75BF-44CE-AD7B-942DB2F64CC7}" type="pres">
      <dgm:prSet presAssocID="{1DEEE433-DD70-4288-A159-CC8EDE4D7769}" presName="composite" presStyleCnt="0"/>
      <dgm:spPr/>
    </dgm:pt>
    <dgm:pt modelId="{5CA9E92F-7A87-4E1F-88AC-DD6F4E59C5E8}" type="pres">
      <dgm:prSet presAssocID="{1DEEE433-DD70-4288-A159-CC8EDE4D7769}" presName="imgShp" presStyleLbl="fgImgPlace1" presStyleIdx="8" presStyleCnt="11"/>
      <dgm:spPr>
        <a:solidFill>
          <a:schemeClr val="accent5"/>
        </a:solidFill>
      </dgm:spPr>
    </dgm:pt>
    <dgm:pt modelId="{9E4D5DD1-18B8-46EE-98ED-840A17676B22}" type="pres">
      <dgm:prSet presAssocID="{1DEEE433-DD70-4288-A159-CC8EDE4D7769}" presName="txShp" presStyleLbl="node1" presStyleIdx="8" presStyleCnt="11">
        <dgm:presLayoutVars>
          <dgm:bulletEnabled val="1"/>
        </dgm:presLayoutVars>
      </dgm:prSet>
      <dgm:spPr/>
    </dgm:pt>
    <dgm:pt modelId="{079910C8-204A-4F6B-A963-D47E827B9EDA}" type="pres">
      <dgm:prSet presAssocID="{5FB31EA9-836C-4F29-958D-E178C27F43A0}" presName="spacing" presStyleCnt="0"/>
      <dgm:spPr/>
    </dgm:pt>
    <dgm:pt modelId="{F64E5F9F-A7B1-4C3B-87DD-18DE749EA836}" type="pres">
      <dgm:prSet presAssocID="{65837EAB-7BB8-4A73-918B-4E4E08886C9E}" presName="composite" presStyleCnt="0"/>
      <dgm:spPr/>
    </dgm:pt>
    <dgm:pt modelId="{B3355863-7338-454D-9E5E-D58CFEA93BE7}" type="pres">
      <dgm:prSet presAssocID="{65837EAB-7BB8-4A73-918B-4E4E08886C9E}" presName="imgShp" presStyleLbl="fgImgPlace1" presStyleIdx="9" presStyleCnt="11"/>
      <dgm:spPr>
        <a:solidFill>
          <a:schemeClr val="accent5"/>
        </a:solidFill>
      </dgm:spPr>
    </dgm:pt>
    <dgm:pt modelId="{CF20804A-26C6-47D0-ACA0-3C35D01E62A3}" type="pres">
      <dgm:prSet presAssocID="{65837EAB-7BB8-4A73-918B-4E4E08886C9E}" presName="txShp" presStyleLbl="node1" presStyleIdx="9" presStyleCnt="11">
        <dgm:presLayoutVars>
          <dgm:bulletEnabled val="1"/>
        </dgm:presLayoutVars>
      </dgm:prSet>
      <dgm:spPr/>
    </dgm:pt>
    <dgm:pt modelId="{7B35A7B3-8B78-4454-9265-0E9FDA3A428A}" type="pres">
      <dgm:prSet presAssocID="{3D424353-9BA8-45E8-8DFC-2708FA805DC6}" presName="spacing" presStyleCnt="0"/>
      <dgm:spPr/>
    </dgm:pt>
    <dgm:pt modelId="{D288ECC7-29C2-41B2-A6BE-BD82D6CF6AF6}" type="pres">
      <dgm:prSet presAssocID="{4A33B8E8-3379-4C76-81EA-E0FC391171F8}" presName="composite" presStyleCnt="0"/>
      <dgm:spPr/>
    </dgm:pt>
    <dgm:pt modelId="{A63D2F4C-B648-49F8-BE73-E8A287C6106E}" type="pres">
      <dgm:prSet presAssocID="{4A33B8E8-3379-4C76-81EA-E0FC391171F8}" presName="imgShp" presStyleLbl="fgImgPlace1" presStyleIdx="10" presStyleCnt="11"/>
      <dgm:spPr>
        <a:solidFill>
          <a:schemeClr val="accent5"/>
        </a:solidFill>
      </dgm:spPr>
    </dgm:pt>
    <dgm:pt modelId="{2A402A8B-51B9-49CC-B3A9-42912ACBAF99}" type="pres">
      <dgm:prSet presAssocID="{4A33B8E8-3379-4C76-81EA-E0FC391171F8}" presName="txShp" presStyleLbl="node1" presStyleIdx="10" presStyleCnt="11">
        <dgm:presLayoutVars>
          <dgm:bulletEnabled val="1"/>
        </dgm:presLayoutVars>
      </dgm:prSet>
      <dgm:spPr/>
    </dgm:pt>
  </dgm:ptLst>
  <dgm:cxnLst>
    <dgm:cxn modelId="{5C673702-34D5-40AB-AA2B-3E9DCB6AC96B}" type="presOf" srcId="{1CCB8331-82EF-42CD-8E4E-C7EC856DBF16}" destId="{3419345F-B74F-49FC-96FA-E300257ADC86}" srcOrd="0" destOrd="0" presId="urn:microsoft.com/office/officeart/2005/8/layout/vList3"/>
    <dgm:cxn modelId="{6C614D2B-5B10-45F5-910A-416792F7D83F}" srcId="{5B4D5B92-E578-4F1B-80A8-FB4DEC263FA0}" destId="{65837EAB-7BB8-4A73-918B-4E4E08886C9E}" srcOrd="9" destOrd="0" parTransId="{15593905-C338-4A4B-861D-0E98DFAC09E5}" sibTransId="{3D424353-9BA8-45E8-8DFC-2708FA805DC6}"/>
    <dgm:cxn modelId="{28C12C3D-3B4C-4A26-A65D-FB417F535796}" srcId="{5B4D5B92-E578-4F1B-80A8-FB4DEC263FA0}" destId="{6B7B57C4-F598-40B3-8D49-8485EBEB7430}" srcOrd="2" destOrd="0" parTransId="{8F2A7574-6CA0-4570-9E5D-49BAB70B5121}" sibTransId="{68A13731-96D3-464C-B0D1-E7755CF9BFA1}"/>
    <dgm:cxn modelId="{6F5C105D-4F92-425C-A54D-51752FAC4AA0}" srcId="{5B4D5B92-E578-4F1B-80A8-FB4DEC263FA0}" destId="{46E5AF92-F6EE-4A5E-82D5-16E8ECEC3FBC}" srcOrd="3" destOrd="0" parTransId="{2C5C1A74-FABC-470B-BAF5-3D9A2B2DDB16}" sibTransId="{4B068016-4F6C-4FA7-9EF5-B4B516C3D2A6}"/>
    <dgm:cxn modelId="{64B2D553-4A63-4F72-A7F2-6B2E72DF0F20}" srcId="{5B4D5B92-E578-4F1B-80A8-FB4DEC263FA0}" destId="{4A33B8E8-3379-4C76-81EA-E0FC391171F8}" srcOrd="10" destOrd="0" parTransId="{5CAA285E-4A4F-4BBC-BCA4-5FE521F11BFF}" sibTransId="{163F16B0-1A95-4F18-AA93-B03AD56FD314}"/>
    <dgm:cxn modelId="{1F0A5375-99CE-441A-8950-2537BCD773C9}" srcId="{5B4D5B92-E578-4F1B-80A8-FB4DEC263FA0}" destId="{7FE1D52C-B323-479A-BC88-BCA09148778C}" srcOrd="5" destOrd="0" parTransId="{1B15F0AA-6848-4451-AF5D-EE9F84872404}" sibTransId="{3025EA7D-F42B-4214-9BE8-051E2AE78EB4}"/>
    <dgm:cxn modelId="{632B9878-66B7-47CD-BB14-B1EDA103AB35}" srcId="{5B4D5B92-E578-4F1B-80A8-FB4DEC263FA0}" destId="{1DEEE433-DD70-4288-A159-CC8EDE4D7769}" srcOrd="8" destOrd="0" parTransId="{2D279A0A-30D6-4806-A62B-08F8F18668FE}" sibTransId="{5FB31EA9-836C-4F29-958D-E178C27F43A0}"/>
    <dgm:cxn modelId="{4763857D-CBC3-4A23-9ED2-01DF68DDE6C7}" type="presOf" srcId="{7FE1D52C-B323-479A-BC88-BCA09148778C}" destId="{178E3397-FDC1-4903-B803-066BE764CA7C}" srcOrd="0" destOrd="0" presId="urn:microsoft.com/office/officeart/2005/8/layout/vList3"/>
    <dgm:cxn modelId="{DB1DA485-2FD4-4B8A-82AF-09B9B39CC460}" type="presOf" srcId="{6B7B57C4-F598-40B3-8D49-8485EBEB7430}" destId="{38ED6AE4-35A0-4133-8A37-88912635208C}" srcOrd="0" destOrd="0" presId="urn:microsoft.com/office/officeart/2005/8/layout/vList3"/>
    <dgm:cxn modelId="{D6E0EB89-D92D-4CBA-AC11-D80587FE5A2F}" type="presOf" srcId="{FE45008A-EE87-4093-AB11-0074C96C512E}" destId="{50EF5C65-097E-42A1-BC80-E032C89CE95C}" srcOrd="0" destOrd="0" presId="urn:microsoft.com/office/officeart/2005/8/layout/vList3"/>
    <dgm:cxn modelId="{2EC1B68B-C047-44EC-A69B-79970D4E78F4}" srcId="{5B4D5B92-E578-4F1B-80A8-FB4DEC263FA0}" destId="{CE7C5E26-B542-43BC-83D4-8AB2C5651F5F}" srcOrd="0" destOrd="0" parTransId="{50CFEB4D-BFE8-4A44-BDB9-456A5CFDFF2E}" sibTransId="{8BEF7D7B-F7D6-472F-86BB-0ABF8DB8932D}"/>
    <dgm:cxn modelId="{31913F95-9B18-46BD-A24E-DD5BD21070E5}" srcId="{5B4D5B92-E578-4F1B-80A8-FB4DEC263FA0}" destId="{2BB3A774-83EB-42A0-ABC1-E221B0FC3535}" srcOrd="6" destOrd="0" parTransId="{ED3DD75E-EACC-4DF4-984D-12BA688AB35F}" sibTransId="{F80098CC-C4FA-4EAD-8A69-41CE5C36D358}"/>
    <dgm:cxn modelId="{0BDFA9A2-D7DE-4333-ACB0-1EEFEA69A0DB}" type="presOf" srcId="{46E5AF92-F6EE-4A5E-82D5-16E8ECEC3FBC}" destId="{9B3251B9-2140-4395-BB9B-16DD6B637A1E}" srcOrd="0" destOrd="0" presId="urn:microsoft.com/office/officeart/2005/8/layout/vList3"/>
    <dgm:cxn modelId="{2501E9A6-C324-4083-AE46-D1ADC83AC09B}" type="presOf" srcId="{D1EE96F8-B20C-411F-8471-BD0146101170}" destId="{176519B7-A569-48E7-B4C5-4D6B13E3C704}" srcOrd="0" destOrd="0" presId="urn:microsoft.com/office/officeart/2005/8/layout/vList3"/>
    <dgm:cxn modelId="{83FF24B2-4669-4930-9CA6-E8E8AEF3A0F2}" type="presOf" srcId="{1DEEE433-DD70-4288-A159-CC8EDE4D7769}" destId="{9E4D5DD1-18B8-46EE-98ED-840A17676B22}" srcOrd="0" destOrd="0" presId="urn:microsoft.com/office/officeart/2005/8/layout/vList3"/>
    <dgm:cxn modelId="{040D1AB7-FD93-422B-8021-451ADB5600BF}" type="presOf" srcId="{2BB3A774-83EB-42A0-ABC1-E221B0FC3535}" destId="{73C64F2E-9C76-4951-B183-B82930C14F7E}" srcOrd="0" destOrd="0" presId="urn:microsoft.com/office/officeart/2005/8/layout/vList3"/>
    <dgm:cxn modelId="{5D94A6B7-03D3-4D9C-B48C-8185BDD07396}" srcId="{5B4D5B92-E578-4F1B-80A8-FB4DEC263FA0}" destId="{D1EE96F8-B20C-411F-8471-BD0146101170}" srcOrd="7" destOrd="0" parTransId="{46F8F500-ACDA-43F3-BE1C-A4B59E7D2000}" sibTransId="{B4AFD6C6-6045-4B73-9984-8EDCF4775CBC}"/>
    <dgm:cxn modelId="{F35832BC-08B4-4082-8AE8-C37E4BD4811E}" srcId="{5B4D5B92-E578-4F1B-80A8-FB4DEC263FA0}" destId="{1CCB8331-82EF-42CD-8E4E-C7EC856DBF16}" srcOrd="1" destOrd="0" parTransId="{D4332D2E-2535-436F-BB54-09A3333EB913}" sibTransId="{83FC9123-4FAF-4AC7-99F5-22B2676178E0}"/>
    <dgm:cxn modelId="{D58CB7CB-398F-4EF1-9A8E-A2B92A4E663F}" type="presOf" srcId="{4A33B8E8-3379-4C76-81EA-E0FC391171F8}" destId="{2A402A8B-51B9-49CC-B3A9-42912ACBAF99}" srcOrd="0" destOrd="0" presId="urn:microsoft.com/office/officeart/2005/8/layout/vList3"/>
    <dgm:cxn modelId="{7B41CFCE-DCE9-4237-A76F-4DE94C2BEC14}" type="presOf" srcId="{5B4D5B92-E578-4F1B-80A8-FB4DEC263FA0}" destId="{6CAA7AC8-10C8-46DB-AFAC-BF3179292374}" srcOrd="0" destOrd="0" presId="urn:microsoft.com/office/officeart/2005/8/layout/vList3"/>
    <dgm:cxn modelId="{B17A1BEE-3878-4FFD-B139-68EB372CED2D}" type="presOf" srcId="{CE7C5E26-B542-43BC-83D4-8AB2C5651F5F}" destId="{905EC1B8-8918-4185-A56C-6258AC65CDB5}" srcOrd="0" destOrd="0" presId="urn:microsoft.com/office/officeart/2005/8/layout/vList3"/>
    <dgm:cxn modelId="{02A502EF-7DA5-4309-8372-F09BF95DC3F7}" type="presOf" srcId="{65837EAB-7BB8-4A73-918B-4E4E08886C9E}" destId="{CF20804A-26C6-47D0-ACA0-3C35D01E62A3}" srcOrd="0" destOrd="0" presId="urn:microsoft.com/office/officeart/2005/8/layout/vList3"/>
    <dgm:cxn modelId="{81F40FFF-4FE6-408F-9F89-E67CCD844030}" srcId="{5B4D5B92-E578-4F1B-80A8-FB4DEC263FA0}" destId="{FE45008A-EE87-4093-AB11-0074C96C512E}" srcOrd="4" destOrd="0" parTransId="{FD4AC09B-214C-459C-996E-3D49BCFF358F}" sibTransId="{95660621-BC97-4BCD-956F-8DC4CD6B7395}"/>
    <dgm:cxn modelId="{CA5FB2AB-42C7-4020-A4A2-22B4395E21DD}" type="presParOf" srcId="{6CAA7AC8-10C8-46DB-AFAC-BF3179292374}" destId="{9E0A81A3-1B91-422F-8D4B-55216448CCBF}" srcOrd="0" destOrd="0" presId="urn:microsoft.com/office/officeart/2005/8/layout/vList3"/>
    <dgm:cxn modelId="{4E53C56B-7044-4F0B-A617-AE5FAB4CDB6A}" type="presParOf" srcId="{9E0A81A3-1B91-422F-8D4B-55216448CCBF}" destId="{4E02F979-2247-4CDB-8D07-13DEAC12E78E}" srcOrd="0" destOrd="0" presId="urn:microsoft.com/office/officeart/2005/8/layout/vList3"/>
    <dgm:cxn modelId="{FCC239DF-C2A6-4C18-A5FE-D58D408CB948}" type="presParOf" srcId="{9E0A81A3-1B91-422F-8D4B-55216448CCBF}" destId="{905EC1B8-8918-4185-A56C-6258AC65CDB5}" srcOrd="1" destOrd="0" presId="urn:microsoft.com/office/officeart/2005/8/layout/vList3"/>
    <dgm:cxn modelId="{81D80A6C-EF43-47F6-80A5-853C9E8789C4}" type="presParOf" srcId="{6CAA7AC8-10C8-46DB-AFAC-BF3179292374}" destId="{86CEF0A7-0436-4060-BF27-16F83B14A9D5}" srcOrd="1" destOrd="0" presId="urn:microsoft.com/office/officeart/2005/8/layout/vList3"/>
    <dgm:cxn modelId="{DFC890A3-6F31-4589-8476-C37F04DFC730}" type="presParOf" srcId="{6CAA7AC8-10C8-46DB-AFAC-BF3179292374}" destId="{809FCD16-2CA6-4F10-A372-BBDB50FD6477}" srcOrd="2" destOrd="0" presId="urn:microsoft.com/office/officeart/2005/8/layout/vList3"/>
    <dgm:cxn modelId="{1322CCF5-9B93-4751-95F4-AF3FB072A5DA}" type="presParOf" srcId="{809FCD16-2CA6-4F10-A372-BBDB50FD6477}" destId="{BD98CBCC-504D-4A34-8D66-58C55033282D}" srcOrd="0" destOrd="0" presId="urn:microsoft.com/office/officeart/2005/8/layout/vList3"/>
    <dgm:cxn modelId="{011C9DC2-A1B8-4A34-B15B-FA9B5E0EF407}" type="presParOf" srcId="{809FCD16-2CA6-4F10-A372-BBDB50FD6477}" destId="{3419345F-B74F-49FC-96FA-E300257ADC86}" srcOrd="1" destOrd="0" presId="urn:microsoft.com/office/officeart/2005/8/layout/vList3"/>
    <dgm:cxn modelId="{5FF14CE7-53AB-4A9C-9694-FF8ECD64B1BB}" type="presParOf" srcId="{6CAA7AC8-10C8-46DB-AFAC-BF3179292374}" destId="{564AB2B6-A965-4634-8E05-5BAD8128DCFF}" srcOrd="3" destOrd="0" presId="urn:microsoft.com/office/officeart/2005/8/layout/vList3"/>
    <dgm:cxn modelId="{F2AA5A7E-7665-42BA-80A7-B6175A871056}" type="presParOf" srcId="{6CAA7AC8-10C8-46DB-AFAC-BF3179292374}" destId="{09CAC6E7-EE41-4511-B93D-03CFB5309C30}" srcOrd="4" destOrd="0" presId="urn:microsoft.com/office/officeart/2005/8/layout/vList3"/>
    <dgm:cxn modelId="{B25B6210-0CA8-4B0E-B147-5D938F507887}" type="presParOf" srcId="{09CAC6E7-EE41-4511-B93D-03CFB5309C30}" destId="{6493A364-58B3-40D9-9C25-166BF85D6AE7}" srcOrd="0" destOrd="0" presId="urn:microsoft.com/office/officeart/2005/8/layout/vList3"/>
    <dgm:cxn modelId="{B8FF5728-1EE7-46A9-A2FC-43AD5D07F5FD}" type="presParOf" srcId="{09CAC6E7-EE41-4511-B93D-03CFB5309C30}" destId="{38ED6AE4-35A0-4133-8A37-88912635208C}" srcOrd="1" destOrd="0" presId="urn:microsoft.com/office/officeart/2005/8/layout/vList3"/>
    <dgm:cxn modelId="{3F8B9129-F601-49E9-A9B8-DE77EFB80803}" type="presParOf" srcId="{6CAA7AC8-10C8-46DB-AFAC-BF3179292374}" destId="{7C8EF316-F7CF-425D-A2B0-AB35FDCDD732}" srcOrd="5" destOrd="0" presId="urn:microsoft.com/office/officeart/2005/8/layout/vList3"/>
    <dgm:cxn modelId="{DA1B4179-D674-4BEC-9669-F9799A5D5458}" type="presParOf" srcId="{6CAA7AC8-10C8-46DB-AFAC-BF3179292374}" destId="{EFB31797-50AD-48F8-9735-7DE8585839E2}" srcOrd="6" destOrd="0" presId="urn:microsoft.com/office/officeart/2005/8/layout/vList3"/>
    <dgm:cxn modelId="{784FB573-E322-4015-AD10-1AB17CB2E7F2}" type="presParOf" srcId="{EFB31797-50AD-48F8-9735-7DE8585839E2}" destId="{1D18852A-11D2-407C-8B39-94F408CA6BAF}" srcOrd="0" destOrd="0" presId="urn:microsoft.com/office/officeart/2005/8/layout/vList3"/>
    <dgm:cxn modelId="{7C639DAA-CB9F-48F2-B921-4EAE29721762}" type="presParOf" srcId="{EFB31797-50AD-48F8-9735-7DE8585839E2}" destId="{9B3251B9-2140-4395-BB9B-16DD6B637A1E}" srcOrd="1" destOrd="0" presId="urn:microsoft.com/office/officeart/2005/8/layout/vList3"/>
    <dgm:cxn modelId="{7583E022-419A-4830-BAA0-BAEFCDCD261A}" type="presParOf" srcId="{6CAA7AC8-10C8-46DB-AFAC-BF3179292374}" destId="{CA9D279E-426F-40FA-912B-536F5C4CE49E}" srcOrd="7" destOrd="0" presId="urn:microsoft.com/office/officeart/2005/8/layout/vList3"/>
    <dgm:cxn modelId="{B182418F-F7B5-4292-A4A6-40D14C2D05B8}" type="presParOf" srcId="{6CAA7AC8-10C8-46DB-AFAC-BF3179292374}" destId="{90C0DE65-49B9-4EE1-89FF-FB3A600FD7DE}" srcOrd="8" destOrd="0" presId="urn:microsoft.com/office/officeart/2005/8/layout/vList3"/>
    <dgm:cxn modelId="{75FA1338-D2A4-48B9-9B95-B976732FB56C}" type="presParOf" srcId="{90C0DE65-49B9-4EE1-89FF-FB3A600FD7DE}" destId="{947827E3-0B4A-422A-A50A-373F8CBB8F88}" srcOrd="0" destOrd="0" presId="urn:microsoft.com/office/officeart/2005/8/layout/vList3"/>
    <dgm:cxn modelId="{9F2DC8B9-1817-43F7-9562-B768E4CEEF11}" type="presParOf" srcId="{90C0DE65-49B9-4EE1-89FF-FB3A600FD7DE}" destId="{50EF5C65-097E-42A1-BC80-E032C89CE95C}" srcOrd="1" destOrd="0" presId="urn:microsoft.com/office/officeart/2005/8/layout/vList3"/>
    <dgm:cxn modelId="{A1EAE3D6-9EB0-4B68-826D-23478BF5E24F}" type="presParOf" srcId="{6CAA7AC8-10C8-46DB-AFAC-BF3179292374}" destId="{8AB9F500-0445-480F-864D-7DCBE3825B69}" srcOrd="9" destOrd="0" presId="urn:microsoft.com/office/officeart/2005/8/layout/vList3"/>
    <dgm:cxn modelId="{3E77A76B-F46B-4FFA-BCD3-DF499C3D467F}" type="presParOf" srcId="{6CAA7AC8-10C8-46DB-AFAC-BF3179292374}" destId="{5B1ED6DB-497D-4130-9B2D-E95329D4EFD1}" srcOrd="10" destOrd="0" presId="urn:microsoft.com/office/officeart/2005/8/layout/vList3"/>
    <dgm:cxn modelId="{07D0C047-AFFD-4FD2-9B03-5D2CF7F983C9}" type="presParOf" srcId="{5B1ED6DB-497D-4130-9B2D-E95329D4EFD1}" destId="{C211AB59-6DB6-4BB7-B018-CFE21B92CF31}" srcOrd="0" destOrd="0" presId="urn:microsoft.com/office/officeart/2005/8/layout/vList3"/>
    <dgm:cxn modelId="{7D82D9DD-2EAD-4F7E-AC74-D3A784FB542E}" type="presParOf" srcId="{5B1ED6DB-497D-4130-9B2D-E95329D4EFD1}" destId="{178E3397-FDC1-4903-B803-066BE764CA7C}" srcOrd="1" destOrd="0" presId="urn:microsoft.com/office/officeart/2005/8/layout/vList3"/>
    <dgm:cxn modelId="{19ECDFD3-7D47-467D-9B40-08A2B28D64AA}" type="presParOf" srcId="{6CAA7AC8-10C8-46DB-AFAC-BF3179292374}" destId="{62FA1476-C198-4796-B979-5728AE8EE490}" srcOrd="11" destOrd="0" presId="urn:microsoft.com/office/officeart/2005/8/layout/vList3"/>
    <dgm:cxn modelId="{0A68262A-9C14-4985-8BF8-367A308A76BB}" type="presParOf" srcId="{6CAA7AC8-10C8-46DB-AFAC-BF3179292374}" destId="{CBCF0ABB-FD02-46B6-BBD7-4EA1FADFD3DD}" srcOrd="12" destOrd="0" presId="urn:microsoft.com/office/officeart/2005/8/layout/vList3"/>
    <dgm:cxn modelId="{E8103F94-7A29-4CA8-BEBD-8535B182135D}" type="presParOf" srcId="{CBCF0ABB-FD02-46B6-BBD7-4EA1FADFD3DD}" destId="{626B3893-E297-42E3-BB64-C300B8A6FA60}" srcOrd="0" destOrd="0" presId="urn:microsoft.com/office/officeart/2005/8/layout/vList3"/>
    <dgm:cxn modelId="{0D75A979-8339-4D4B-9174-A3F42696D66F}" type="presParOf" srcId="{CBCF0ABB-FD02-46B6-BBD7-4EA1FADFD3DD}" destId="{73C64F2E-9C76-4951-B183-B82930C14F7E}" srcOrd="1" destOrd="0" presId="urn:microsoft.com/office/officeart/2005/8/layout/vList3"/>
    <dgm:cxn modelId="{56EA4476-CD19-497B-93D9-585BDCE960D9}" type="presParOf" srcId="{6CAA7AC8-10C8-46DB-AFAC-BF3179292374}" destId="{09F2B1EE-1837-4090-9B42-3F1B8DF0EEED}" srcOrd="13" destOrd="0" presId="urn:microsoft.com/office/officeart/2005/8/layout/vList3"/>
    <dgm:cxn modelId="{07B70D80-CC80-4E2A-A31A-2A07403CC990}" type="presParOf" srcId="{6CAA7AC8-10C8-46DB-AFAC-BF3179292374}" destId="{8A1EFD81-C1C5-4D88-B940-77D53115D1B5}" srcOrd="14" destOrd="0" presId="urn:microsoft.com/office/officeart/2005/8/layout/vList3"/>
    <dgm:cxn modelId="{B2D6B581-55E8-4B5C-81C9-A9A73729EE20}" type="presParOf" srcId="{8A1EFD81-C1C5-4D88-B940-77D53115D1B5}" destId="{4E3D682C-B42E-451D-AEB0-F30CC12127CD}" srcOrd="0" destOrd="0" presId="urn:microsoft.com/office/officeart/2005/8/layout/vList3"/>
    <dgm:cxn modelId="{2304A204-B38F-4EF5-9EF9-87B745773B91}" type="presParOf" srcId="{8A1EFD81-C1C5-4D88-B940-77D53115D1B5}" destId="{176519B7-A569-48E7-B4C5-4D6B13E3C704}" srcOrd="1" destOrd="0" presId="urn:microsoft.com/office/officeart/2005/8/layout/vList3"/>
    <dgm:cxn modelId="{B5258427-CF0E-46EA-8CF0-1A5632F32C0D}" type="presParOf" srcId="{6CAA7AC8-10C8-46DB-AFAC-BF3179292374}" destId="{C99B6CCB-0A2E-4FAB-B3BD-8017FB4D39DB}" srcOrd="15" destOrd="0" presId="urn:microsoft.com/office/officeart/2005/8/layout/vList3"/>
    <dgm:cxn modelId="{D688C4DD-33E7-4C5D-850C-B760CE403343}" type="presParOf" srcId="{6CAA7AC8-10C8-46DB-AFAC-BF3179292374}" destId="{05B841E2-75BF-44CE-AD7B-942DB2F64CC7}" srcOrd="16" destOrd="0" presId="urn:microsoft.com/office/officeart/2005/8/layout/vList3"/>
    <dgm:cxn modelId="{26FE2303-6FA0-4F3D-8BE2-0C8554986704}" type="presParOf" srcId="{05B841E2-75BF-44CE-AD7B-942DB2F64CC7}" destId="{5CA9E92F-7A87-4E1F-88AC-DD6F4E59C5E8}" srcOrd="0" destOrd="0" presId="urn:microsoft.com/office/officeart/2005/8/layout/vList3"/>
    <dgm:cxn modelId="{E0A76353-9822-48E8-9345-8047A8AEC48F}" type="presParOf" srcId="{05B841E2-75BF-44CE-AD7B-942DB2F64CC7}" destId="{9E4D5DD1-18B8-46EE-98ED-840A17676B22}" srcOrd="1" destOrd="0" presId="urn:microsoft.com/office/officeart/2005/8/layout/vList3"/>
    <dgm:cxn modelId="{DF4A24E7-4800-458D-BFDA-82E260C4D62F}" type="presParOf" srcId="{6CAA7AC8-10C8-46DB-AFAC-BF3179292374}" destId="{079910C8-204A-4F6B-A963-D47E827B9EDA}" srcOrd="17" destOrd="0" presId="urn:microsoft.com/office/officeart/2005/8/layout/vList3"/>
    <dgm:cxn modelId="{008100B4-DB6B-4DD0-A205-F85640790CAC}" type="presParOf" srcId="{6CAA7AC8-10C8-46DB-AFAC-BF3179292374}" destId="{F64E5F9F-A7B1-4C3B-87DD-18DE749EA836}" srcOrd="18" destOrd="0" presId="urn:microsoft.com/office/officeart/2005/8/layout/vList3"/>
    <dgm:cxn modelId="{08A93CC6-1288-4949-A051-636F4B6C23A6}" type="presParOf" srcId="{F64E5F9F-A7B1-4C3B-87DD-18DE749EA836}" destId="{B3355863-7338-454D-9E5E-D58CFEA93BE7}" srcOrd="0" destOrd="0" presId="urn:microsoft.com/office/officeart/2005/8/layout/vList3"/>
    <dgm:cxn modelId="{841AC22B-EFF9-4218-9401-9E84FFFB0276}" type="presParOf" srcId="{F64E5F9F-A7B1-4C3B-87DD-18DE749EA836}" destId="{CF20804A-26C6-47D0-ACA0-3C35D01E62A3}" srcOrd="1" destOrd="0" presId="urn:microsoft.com/office/officeart/2005/8/layout/vList3"/>
    <dgm:cxn modelId="{7EEDEC16-DB22-4E82-ADE2-B29153A91E64}" type="presParOf" srcId="{6CAA7AC8-10C8-46DB-AFAC-BF3179292374}" destId="{7B35A7B3-8B78-4454-9265-0E9FDA3A428A}" srcOrd="19" destOrd="0" presId="urn:microsoft.com/office/officeart/2005/8/layout/vList3"/>
    <dgm:cxn modelId="{3B748A0C-9D31-4770-AE32-2D750C63D692}" type="presParOf" srcId="{6CAA7AC8-10C8-46DB-AFAC-BF3179292374}" destId="{D288ECC7-29C2-41B2-A6BE-BD82D6CF6AF6}" srcOrd="20" destOrd="0" presId="urn:microsoft.com/office/officeart/2005/8/layout/vList3"/>
    <dgm:cxn modelId="{7E537070-6F37-4617-9A15-D0275CDD6779}" type="presParOf" srcId="{D288ECC7-29C2-41B2-A6BE-BD82D6CF6AF6}" destId="{A63D2F4C-B648-49F8-BE73-E8A287C6106E}" srcOrd="0" destOrd="0" presId="urn:microsoft.com/office/officeart/2005/8/layout/vList3"/>
    <dgm:cxn modelId="{FF39065A-B672-40EC-A36A-54B906FB1859}" type="presParOf" srcId="{D288ECC7-29C2-41B2-A6BE-BD82D6CF6AF6}" destId="{2A402A8B-51B9-49CC-B3A9-42912ACBAF99}" srcOrd="1" destOrd="0" presId="urn:microsoft.com/office/officeart/2005/8/layout/vList3"/>
  </dgm:cxnLst>
  <dgm:bg>
    <a:noFill/>
  </dgm:bg>
  <dgm:whole>
    <a:ln w="9525" cap="flat" cmpd="sng" algn="ctr">
      <a:noFill/>
      <a:prstDash val="solid"/>
      <a:round/>
      <a:headEnd type="none" w="med" len="med"/>
      <a:tailEnd type="none" w="med" len="med"/>
    </a:ln>
  </dgm:whole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7E9EEB70-2BF5-4369-BF05-D4D4B627371F}" type="doc">
      <dgm:prSet loTypeId="urn:microsoft.com/office/officeart/2008/layout/LinedList" loCatId="list" qsTypeId="urn:microsoft.com/office/officeart/2005/8/quickstyle/simple1" qsCatId="simple" csTypeId="urn:microsoft.com/office/officeart/2005/8/colors/accent5_2" csCatId="accent5" phldr="1"/>
      <dgm:spPr/>
      <dgm:t>
        <a:bodyPr/>
        <a:lstStyle/>
        <a:p>
          <a:endParaRPr lang="en-US"/>
        </a:p>
      </dgm:t>
    </dgm:pt>
    <dgm:pt modelId="{FA3D327B-02A1-4062-A382-547944E8AA02}">
      <dgm:prSet phldrT="[Text]" custT="1"/>
      <dgm:spPr/>
      <dgm:t>
        <a:bodyPr/>
        <a:lstStyle/>
        <a:p>
          <a:pPr>
            <a:lnSpc>
              <a:spcPct val="100000"/>
            </a:lnSpc>
          </a:pPr>
          <a:r>
            <a:rPr lang="en-US" sz="1400" b="1" dirty="0">
              <a:solidFill>
                <a:schemeClr val="bg2">
                  <a:lumMod val="50000"/>
                </a:schemeClr>
              </a:solidFill>
            </a:rPr>
            <a:t>Data Privacy and Security:</a:t>
          </a:r>
        </a:p>
      </dgm:t>
    </dgm:pt>
    <dgm:pt modelId="{69AA2CA1-4B0C-4C15-99E1-C6B64BBE73CF}" type="parTrans" cxnId="{253C6A50-0CCA-4B51-BA84-D3C5B32A7121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B0BBF68B-45B1-4589-B152-844E92952FD6}" type="sibTrans" cxnId="{253C6A50-0CCA-4B51-BA84-D3C5B32A7121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0711374E-3C6C-4478-9FBA-3D166E165285}">
      <dgm:prSet phldrT="[Text]"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b="1" dirty="0">
              <a:solidFill>
                <a:schemeClr val="bg2">
                  <a:lumMod val="50000"/>
                </a:schemeClr>
              </a:solidFill>
            </a:rPr>
            <a:t>Ensuring privacy and security if external servers are used</a:t>
          </a:r>
        </a:p>
      </dgm:t>
    </dgm:pt>
    <dgm:pt modelId="{C9F28899-1C34-4651-8941-0C27D05DD181}" type="parTrans" cxnId="{01014AC4-715A-426E-BE0B-E1197E2463D8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1453A03A-8A96-48F2-AEAC-7E9CB380CA6C}" type="sibTrans" cxnId="{01014AC4-715A-426E-BE0B-E1197E2463D8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D53ECAD0-DCE7-4006-94FA-BE52BFC59D36}">
      <dgm:prSet phldrT="[Text]"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Implement robust security measures.</a:t>
          </a:r>
        </a:p>
      </dgm:t>
    </dgm:pt>
    <dgm:pt modelId="{98AC4D10-B2A9-4C41-A23D-C62790174CC9}" type="parTrans" cxnId="{1AE47A6D-9367-45F8-9180-35EB30BDEAC4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7BDC64DF-9948-436D-ACA6-197C80F3422B}" type="sibTrans" cxnId="{1AE47A6D-9367-45F8-9180-35EB30BDEAC4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F1E21D78-1F7A-4CF1-89BD-7B7B023E2B25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400" b="1" dirty="0">
              <a:solidFill>
                <a:schemeClr val="bg2">
                  <a:lumMod val="50000"/>
                </a:schemeClr>
              </a:solidFill>
            </a:rPr>
            <a:t>Monitoring and Maintenance:</a:t>
          </a:r>
        </a:p>
      </dgm:t>
    </dgm:pt>
    <dgm:pt modelId="{B9E55C9C-D8B9-4876-9EF3-8CAF173E079E}" type="parTrans" cxnId="{8158735C-B0FB-4A2F-A716-E8CFA870C977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E06ABE02-9BC8-4440-9CC3-369352A23864}" type="sibTrans" cxnId="{8158735C-B0FB-4A2F-A716-E8CFA870C977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28418DD4-B4D6-4ECD-B128-42E9BA6E7B1C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b="1">
              <a:solidFill>
                <a:schemeClr val="bg2">
                  <a:lumMod val="50000"/>
                </a:schemeClr>
              </a:solidFill>
            </a:rPr>
            <a:t>Continuous monitoring and maintenance for ongoing model performance.</a:t>
          </a:r>
          <a:endParaRPr lang="en-US" sz="1200" b="1" dirty="0">
            <a:solidFill>
              <a:schemeClr val="bg2">
                <a:lumMod val="50000"/>
              </a:schemeClr>
            </a:solidFill>
          </a:endParaRPr>
        </a:p>
      </dgm:t>
    </dgm:pt>
    <dgm:pt modelId="{90F51A3A-1FB7-4BC0-89FE-1E37DE7F4C2B}" type="parTrans" cxnId="{CDC027FB-0F3E-469A-BF46-F55BD2304FBF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802089FE-4C89-4E44-A10B-4DF49CCC6031}" type="sibTrans" cxnId="{CDC027FB-0F3E-469A-BF46-F55BD2304FBF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118100EB-BDB8-4099-B098-53576C669393}">
      <dgm:prSet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Design and implement monitoring tools. </a:t>
          </a:r>
        </a:p>
      </dgm:t>
    </dgm:pt>
    <dgm:pt modelId="{CF077D44-326B-47FA-ABDA-276071677FBB}" type="parTrans" cxnId="{C9859D66-7E81-4BA9-B19A-2CB6785FADAF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8F4409DC-52C1-41AD-971D-2EFA27B0DEDE}" type="sibTrans" cxnId="{C9859D66-7E81-4BA9-B19A-2CB6785FADAF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24545C0D-E7D3-4F44-8838-66D6FA5256D5}">
      <dgm:prSet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Establish a regular maintenance schedule for model updates and retraining.</a:t>
          </a:r>
        </a:p>
      </dgm:t>
    </dgm:pt>
    <dgm:pt modelId="{176C5DAB-D8AD-4DDD-B39C-CC5C0D692E71}" type="parTrans" cxnId="{FDD8011E-EEAA-4F83-BAE8-86835FADE028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2E5BCB3E-479A-4230-9254-B86232C09D58}" type="sibTrans" cxnId="{FDD8011E-EEAA-4F83-BAE8-86835FADE028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65417E89-CF70-4B98-9F80-65929887958D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400" b="1" dirty="0">
              <a:solidFill>
                <a:schemeClr val="bg2">
                  <a:lumMod val="50000"/>
                </a:schemeClr>
              </a:solidFill>
            </a:rPr>
            <a:t>Human-in-the-Loop Considerations:</a:t>
          </a:r>
        </a:p>
      </dgm:t>
    </dgm:pt>
    <dgm:pt modelId="{85DC3061-CE6F-40D5-82D4-87C49BB4FE5F}" type="parTrans" cxnId="{1CBD3EDA-C3DB-460C-8035-01BEF1E23ABD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812F8CD3-C215-48D6-9C03-CC1D97274EB3}" type="sibTrans" cxnId="{1CBD3EDA-C3DB-460C-8035-01BEF1E23ABD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9708FE82-90BB-4D7F-9218-E8309D568979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b="1" dirty="0">
              <a:solidFill>
                <a:schemeClr val="bg2">
                  <a:lumMod val="50000"/>
                </a:schemeClr>
              </a:solidFill>
            </a:rPr>
            <a:t>Promoting Human-AI collaboration.</a:t>
          </a:r>
        </a:p>
      </dgm:t>
    </dgm:pt>
    <dgm:pt modelId="{BF3F01F0-C3A4-4F9B-B1DA-E122F1D39C1C}" type="parTrans" cxnId="{607A122D-32FE-438B-B121-940832D5E5AA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262049ED-528D-4786-870F-CB0157A36A45}" type="sibTrans" cxnId="{607A122D-32FE-438B-B121-940832D5E5AA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E7F87D98-34A8-41A3-B158-2467C1643D93}">
      <dgm:prSet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Implement mechanisms for human-in-the-loop interventions. </a:t>
          </a:r>
        </a:p>
      </dgm:t>
    </dgm:pt>
    <dgm:pt modelId="{80DF03C5-6223-4974-AACA-F533A310B6C8}" type="parTrans" cxnId="{C1423804-AA4E-4CC9-9D78-CD8B19F60738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576BECFF-48BD-471E-BAEF-123A8D81B489}" type="sibTrans" cxnId="{C1423804-AA4E-4CC9-9D78-CD8B19F60738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5444D801-5E55-42DB-8064-0AE0871321E4}">
      <dgm:prSet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Establish feedback loops for continuous improvement. </a:t>
          </a:r>
        </a:p>
      </dgm:t>
    </dgm:pt>
    <dgm:pt modelId="{DAFAAE28-AE3C-4D57-9DD2-C6CFB1A1CDB0}" type="parTrans" cxnId="{1BF2B452-39BC-4767-91C0-B7EDDC89C0D0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8B7287BE-D126-4725-84A5-1BBC998F252F}" type="sibTrans" cxnId="{1BF2B452-39BC-4767-91C0-B7EDDC89C0D0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497E5379-10CD-48AB-ACE3-AB8166A6B703}">
      <dgm:prSet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Design user interfaces for easy model intervention when necessary.</a:t>
          </a:r>
        </a:p>
      </dgm:t>
    </dgm:pt>
    <dgm:pt modelId="{7C96B77C-6B2F-4439-929F-390AE4E213E1}" type="parTrans" cxnId="{EC624A70-3C57-411E-BA68-8FA3980D6B0A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5D9EBBE3-1939-4AAD-B57D-D4AFE03B2ABB}" type="sibTrans" cxnId="{EC624A70-3C57-411E-BA68-8FA3980D6B0A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667A9BB0-0279-461D-96B1-9E7363AE348C}">
      <dgm:prSet phldrT="[Text]"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Encrypt sensitive data. </a:t>
          </a:r>
        </a:p>
      </dgm:t>
    </dgm:pt>
    <dgm:pt modelId="{AFDC1258-C97B-4E1A-9AA6-2B9C2E5FCFBB}" type="parTrans" cxnId="{06BDF022-F46A-4C5C-BA6B-8CED93273A4D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752C1108-F6ED-4A99-BC93-78ACC18AAB36}" type="sibTrans" cxnId="{06BDF022-F46A-4C5C-BA6B-8CED93273A4D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0987DCE4-473C-45E7-BFA5-AEB6DF15FBE1}">
      <dgm:prSet phldrT="[Text]"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Adhere to relevant compliance standards.</a:t>
          </a:r>
        </a:p>
      </dgm:t>
    </dgm:pt>
    <dgm:pt modelId="{DAD38462-06A9-412D-B55A-6751A32925BB}" type="parTrans" cxnId="{BD5B7538-5711-4FC3-9774-BD4058C14130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FED4E2DE-6FAF-4BF3-AC0C-413EC9A615EF}" type="sibTrans" cxnId="{BD5B7538-5711-4FC3-9774-BD4058C14130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78A1BEDB-1F73-4248-8685-0F20136C8295}">
      <dgm:prSet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Set up alerts for deviations. </a:t>
          </a:r>
        </a:p>
      </dgm:t>
    </dgm:pt>
    <dgm:pt modelId="{4B91CB16-46D7-46DB-AAA5-039E9B3C1937}" type="parTrans" cxnId="{81EA4003-CF99-494F-9E2F-418A28AB441A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EAC8968E-B6D4-4028-B758-D36395E98FCF}" type="sibTrans" cxnId="{81EA4003-CF99-494F-9E2F-418A28AB441A}">
      <dgm:prSet/>
      <dgm:spPr/>
      <dgm:t>
        <a:bodyPr/>
        <a:lstStyle/>
        <a:p>
          <a:pPr>
            <a:lnSpc>
              <a:spcPct val="100000"/>
            </a:lnSpc>
          </a:pPr>
          <a:endParaRPr lang="en-US" sz="1200">
            <a:solidFill>
              <a:schemeClr val="bg2">
                <a:lumMod val="50000"/>
              </a:schemeClr>
            </a:solidFill>
          </a:endParaRPr>
        </a:p>
      </dgm:t>
    </dgm:pt>
    <dgm:pt modelId="{6084EB55-DA83-48FB-80BE-C81A52F55368}">
      <dgm:prSet custT="1"/>
      <dgm:spPr/>
      <dgm:t>
        <a:bodyPr/>
        <a:lstStyle/>
        <a:p>
          <a:pPr>
            <a:lnSpc>
              <a:spcPct val="100000"/>
            </a:lnSpc>
            <a:buFont typeface="Wingdings" panose="05000000000000000000" pitchFamily="2" charset="2"/>
            <a:buChar char="q"/>
          </a:pPr>
          <a:r>
            <a:rPr lang="en-US" sz="1200" dirty="0">
              <a:solidFill>
                <a:schemeClr val="bg2">
                  <a:lumMod val="50000"/>
                </a:schemeClr>
              </a:solidFill>
            </a:rPr>
            <a:t>Inspector Training on data quality, use and interpretation of  the model.</a:t>
          </a:r>
        </a:p>
      </dgm:t>
    </dgm:pt>
    <dgm:pt modelId="{80F04A64-9755-4260-A0F1-BF95F12628B0}" type="parTrans" cxnId="{A1D44187-40A0-4BE2-AE4E-39B44B774749}">
      <dgm:prSet/>
      <dgm:spPr/>
      <dgm:t>
        <a:bodyPr/>
        <a:lstStyle/>
        <a:p>
          <a:pPr>
            <a:lnSpc>
              <a:spcPct val="100000"/>
            </a:lnSpc>
          </a:pPr>
          <a:endParaRPr lang="en-US" sz="2000">
            <a:solidFill>
              <a:schemeClr val="bg2">
                <a:lumMod val="50000"/>
              </a:schemeClr>
            </a:solidFill>
          </a:endParaRPr>
        </a:p>
      </dgm:t>
    </dgm:pt>
    <dgm:pt modelId="{BE5C905E-BF28-4C78-8A8A-F1E2A75CBC22}" type="sibTrans" cxnId="{A1D44187-40A0-4BE2-AE4E-39B44B774749}">
      <dgm:prSet/>
      <dgm:spPr/>
      <dgm:t>
        <a:bodyPr/>
        <a:lstStyle/>
        <a:p>
          <a:pPr>
            <a:lnSpc>
              <a:spcPct val="100000"/>
            </a:lnSpc>
          </a:pPr>
          <a:endParaRPr lang="en-US" sz="2000">
            <a:solidFill>
              <a:schemeClr val="bg2">
                <a:lumMod val="50000"/>
              </a:schemeClr>
            </a:solidFill>
          </a:endParaRPr>
        </a:p>
      </dgm:t>
    </dgm:pt>
    <dgm:pt modelId="{102FC885-0AE4-47BC-87E5-0D1B4DC10264}" type="pres">
      <dgm:prSet presAssocID="{7E9EEB70-2BF5-4369-BF05-D4D4B627371F}" presName="vert0" presStyleCnt="0">
        <dgm:presLayoutVars>
          <dgm:dir/>
          <dgm:animOne val="branch"/>
          <dgm:animLvl val="lvl"/>
        </dgm:presLayoutVars>
      </dgm:prSet>
      <dgm:spPr/>
    </dgm:pt>
    <dgm:pt modelId="{A243198C-33EC-4A8B-8981-61C5F91D81C4}" type="pres">
      <dgm:prSet presAssocID="{FA3D327B-02A1-4062-A382-547944E8AA02}" presName="thickLine" presStyleLbl="alignNode1" presStyleIdx="0" presStyleCnt="3"/>
      <dgm:spPr/>
    </dgm:pt>
    <dgm:pt modelId="{C741B274-DD3E-4E75-8BAD-59E75F3DC125}" type="pres">
      <dgm:prSet presAssocID="{FA3D327B-02A1-4062-A382-547944E8AA02}" presName="horz1" presStyleCnt="0"/>
      <dgm:spPr/>
    </dgm:pt>
    <dgm:pt modelId="{2858C013-8FB0-4D54-949B-31D68343E8A8}" type="pres">
      <dgm:prSet presAssocID="{FA3D327B-02A1-4062-A382-547944E8AA02}" presName="tx1" presStyleLbl="revTx" presStyleIdx="0" presStyleCnt="16"/>
      <dgm:spPr/>
    </dgm:pt>
    <dgm:pt modelId="{7CF04402-893C-415F-A703-F37DD408BB88}" type="pres">
      <dgm:prSet presAssocID="{FA3D327B-02A1-4062-A382-547944E8AA02}" presName="vert1" presStyleCnt="0"/>
      <dgm:spPr/>
    </dgm:pt>
    <dgm:pt modelId="{FCE38FB4-3FCD-4B48-B08B-37FF126F2792}" type="pres">
      <dgm:prSet presAssocID="{0711374E-3C6C-4478-9FBA-3D166E165285}" presName="vertSpace2a" presStyleCnt="0"/>
      <dgm:spPr/>
    </dgm:pt>
    <dgm:pt modelId="{022CB970-C484-4A11-9C43-8D36C2041548}" type="pres">
      <dgm:prSet presAssocID="{0711374E-3C6C-4478-9FBA-3D166E165285}" presName="horz2" presStyleCnt="0"/>
      <dgm:spPr/>
    </dgm:pt>
    <dgm:pt modelId="{37D237C4-92CA-4F42-A1DF-7E111D247EDD}" type="pres">
      <dgm:prSet presAssocID="{0711374E-3C6C-4478-9FBA-3D166E165285}" presName="horzSpace2" presStyleCnt="0"/>
      <dgm:spPr/>
    </dgm:pt>
    <dgm:pt modelId="{89129566-3AD9-4ACA-B21D-A8E6C2E84DFF}" type="pres">
      <dgm:prSet presAssocID="{0711374E-3C6C-4478-9FBA-3D166E165285}" presName="tx2" presStyleLbl="revTx" presStyleIdx="1" presStyleCnt="16"/>
      <dgm:spPr/>
    </dgm:pt>
    <dgm:pt modelId="{123ED5C9-4419-4563-884A-2415C2CF694F}" type="pres">
      <dgm:prSet presAssocID="{0711374E-3C6C-4478-9FBA-3D166E165285}" presName="vert2" presStyleCnt="0"/>
      <dgm:spPr/>
    </dgm:pt>
    <dgm:pt modelId="{68215DAF-BADD-4924-BECB-A80AA637EF17}" type="pres">
      <dgm:prSet presAssocID="{0711374E-3C6C-4478-9FBA-3D166E165285}" presName="thinLine2b" presStyleLbl="callout" presStyleIdx="0" presStyleCnt="13"/>
      <dgm:spPr/>
    </dgm:pt>
    <dgm:pt modelId="{95AD4819-1F61-4BD5-AF2F-DA3D09190E52}" type="pres">
      <dgm:prSet presAssocID="{0711374E-3C6C-4478-9FBA-3D166E165285}" presName="vertSpace2b" presStyleCnt="0"/>
      <dgm:spPr/>
    </dgm:pt>
    <dgm:pt modelId="{F6F61F2D-24D4-4C59-9541-8B2F02C98EC1}" type="pres">
      <dgm:prSet presAssocID="{D53ECAD0-DCE7-4006-94FA-BE52BFC59D36}" presName="horz2" presStyleCnt="0"/>
      <dgm:spPr/>
    </dgm:pt>
    <dgm:pt modelId="{7BA367C9-3786-465C-AE41-A26607AD59FA}" type="pres">
      <dgm:prSet presAssocID="{D53ECAD0-DCE7-4006-94FA-BE52BFC59D36}" presName="horzSpace2" presStyleCnt="0"/>
      <dgm:spPr/>
    </dgm:pt>
    <dgm:pt modelId="{96E4E127-9D85-4013-A7B0-15066F902F99}" type="pres">
      <dgm:prSet presAssocID="{D53ECAD0-DCE7-4006-94FA-BE52BFC59D36}" presName="tx2" presStyleLbl="revTx" presStyleIdx="2" presStyleCnt="16"/>
      <dgm:spPr/>
    </dgm:pt>
    <dgm:pt modelId="{E519EBEB-1875-4485-80E5-18491BBE28D0}" type="pres">
      <dgm:prSet presAssocID="{D53ECAD0-DCE7-4006-94FA-BE52BFC59D36}" presName="vert2" presStyleCnt="0"/>
      <dgm:spPr/>
    </dgm:pt>
    <dgm:pt modelId="{DA2C4988-3E54-4427-90B7-B0A7B175946D}" type="pres">
      <dgm:prSet presAssocID="{D53ECAD0-DCE7-4006-94FA-BE52BFC59D36}" presName="thinLine2b" presStyleLbl="callout" presStyleIdx="1" presStyleCnt="13"/>
      <dgm:spPr/>
    </dgm:pt>
    <dgm:pt modelId="{EA47E873-25B9-4800-BD26-877EB041FB29}" type="pres">
      <dgm:prSet presAssocID="{D53ECAD0-DCE7-4006-94FA-BE52BFC59D36}" presName="vertSpace2b" presStyleCnt="0"/>
      <dgm:spPr/>
    </dgm:pt>
    <dgm:pt modelId="{9A5A2725-930F-4EEC-BB83-80C0BFD86C1C}" type="pres">
      <dgm:prSet presAssocID="{667A9BB0-0279-461D-96B1-9E7363AE348C}" presName="horz2" presStyleCnt="0"/>
      <dgm:spPr/>
    </dgm:pt>
    <dgm:pt modelId="{7940DCA5-DDE6-4887-BFF3-8D089618B479}" type="pres">
      <dgm:prSet presAssocID="{667A9BB0-0279-461D-96B1-9E7363AE348C}" presName="horzSpace2" presStyleCnt="0"/>
      <dgm:spPr/>
    </dgm:pt>
    <dgm:pt modelId="{8534AE55-9720-4E9E-BA24-49966121A904}" type="pres">
      <dgm:prSet presAssocID="{667A9BB0-0279-461D-96B1-9E7363AE348C}" presName="tx2" presStyleLbl="revTx" presStyleIdx="3" presStyleCnt="16"/>
      <dgm:spPr/>
    </dgm:pt>
    <dgm:pt modelId="{8CFAF172-1309-4BDC-9A00-D24FFBBF83E3}" type="pres">
      <dgm:prSet presAssocID="{667A9BB0-0279-461D-96B1-9E7363AE348C}" presName="vert2" presStyleCnt="0"/>
      <dgm:spPr/>
    </dgm:pt>
    <dgm:pt modelId="{A84391EF-CD14-4E13-B89B-2B6732334D19}" type="pres">
      <dgm:prSet presAssocID="{667A9BB0-0279-461D-96B1-9E7363AE348C}" presName="thinLine2b" presStyleLbl="callout" presStyleIdx="2" presStyleCnt="13"/>
      <dgm:spPr/>
    </dgm:pt>
    <dgm:pt modelId="{F6C57C37-C7B6-4C49-838B-B258746D03E8}" type="pres">
      <dgm:prSet presAssocID="{667A9BB0-0279-461D-96B1-9E7363AE348C}" presName="vertSpace2b" presStyleCnt="0"/>
      <dgm:spPr/>
    </dgm:pt>
    <dgm:pt modelId="{CBF733B5-AFEF-44AF-9E5C-4A3C84E29BF0}" type="pres">
      <dgm:prSet presAssocID="{0987DCE4-473C-45E7-BFA5-AEB6DF15FBE1}" presName="horz2" presStyleCnt="0"/>
      <dgm:spPr/>
    </dgm:pt>
    <dgm:pt modelId="{9E6E5C11-2809-49D1-A03D-0703E676546C}" type="pres">
      <dgm:prSet presAssocID="{0987DCE4-473C-45E7-BFA5-AEB6DF15FBE1}" presName="horzSpace2" presStyleCnt="0"/>
      <dgm:spPr/>
    </dgm:pt>
    <dgm:pt modelId="{5F0B0E69-BCE7-46FE-B163-1A10193CD7A2}" type="pres">
      <dgm:prSet presAssocID="{0987DCE4-473C-45E7-BFA5-AEB6DF15FBE1}" presName="tx2" presStyleLbl="revTx" presStyleIdx="4" presStyleCnt="16"/>
      <dgm:spPr/>
    </dgm:pt>
    <dgm:pt modelId="{B61A68F2-97FC-436E-BE6C-5BCE18460BAF}" type="pres">
      <dgm:prSet presAssocID="{0987DCE4-473C-45E7-BFA5-AEB6DF15FBE1}" presName="vert2" presStyleCnt="0"/>
      <dgm:spPr/>
    </dgm:pt>
    <dgm:pt modelId="{6DEDB5BA-AEAE-4600-8973-F4C164C2945E}" type="pres">
      <dgm:prSet presAssocID="{0987DCE4-473C-45E7-BFA5-AEB6DF15FBE1}" presName="thinLine2b" presStyleLbl="callout" presStyleIdx="3" presStyleCnt="13"/>
      <dgm:spPr/>
    </dgm:pt>
    <dgm:pt modelId="{04A63DCB-36C3-4928-ABFC-5E7944A30FCB}" type="pres">
      <dgm:prSet presAssocID="{0987DCE4-473C-45E7-BFA5-AEB6DF15FBE1}" presName="vertSpace2b" presStyleCnt="0"/>
      <dgm:spPr/>
    </dgm:pt>
    <dgm:pt modelId="{9AD9F6F9-9F43-4508-BFF5-E946F527C0A2}" type="pres">
      <dgm:prSet presAssocID="{F1E21D78-1F7A-4CF1-89BD-7B7B023E2B25}" presName="thickLine" presStyleLbl="alignNode1" presStyleIdx="1" presStyleCnt="3"/>
      <dgm:spPr/>
    </dgm:pt>
    <dgm:pt modelId="{79E6FC1E-D560-4927-A9B6-6ED259D7CF66}" type="pres">
      <dgm:prSet presAssocID="{F1E21D78-1F7A-4CF1-89BD-7B7B023E2B25}" presName="horz1" presStyleCnt="0"/>
      <dgm:spPr/>
    </dgm:pt>
    <dgm:pt modelId="{4A0D1DD9-B546-4959-B28B-445F14663997}" type="pres">
      <dgm:prSet presAssocID="{F1E21D78-1F7A-4CF1-89BD-7B7B023E2B25}" presName="tx1" presStyleLbl="revTx" presStyleIdx="5" presStyleCnt="16"/>
      <dgm:spPr/>
    </dgm:pt>
    <dgm:pt modelId="{28FD321B-8ADB-4A2C-85FE-7591C0215040}" type="pres">
      <dgm:prSet presAssocID="{F1E21D78-1F7A-4CF1-89BD-7B7B023E2B25}" presName="vert1" presStyleCnt="0"/>
      <dgm:spPr/>
    </dgm:pt>
    <dgm:pt modelId="{5F774089-88B4-4F94-A2CE-7CDB1BA4CE52}" type="pres">
      <dgm:prSet presAssocID="{28418DD4-B4D6-4ECD-B128-42E9BA6E7B1C}" presName="vertSpace2a" presStyleCnt="0"/>
      <dgm:spPr/>
    </dgm:pt>
    <dgm:pt modelId="{F2FFCE90-299B-47CD-BE4E-41F9B3D932FE}" type="pres">
      <dgm:prSet presAssocID="{28418DD4-B4D6-4ECD-B128-42E9BA6E7B1C}" presName="horz2" presStyleCnt="0"/>
      <dgm:spPr/>
    </dgm:pt>
    <dgm:pt modelId="{BC198617-E5D6-402D-951E-942A02604909}" type="pres">
      <dgm:prSet presAssocID="{28418DD4-B4D6-4ECD-B128-42E9BA6E7B1C}" presName="horzSpace2" presStyleCnt="0"/>
      <dgm:spPr/>
    </dgm:pt>
    <dgm:pt modelId="{512A7714-A849-4335-AE1A-7EDABD065CC1}" type="pres">
      <dgm:prSet presAssocID="{28418DD4-B4D6-4ECD-B128-42E9BA6E7B1C}" presName="tx2" presStyleLbl="revTx" presStyleIdx="6" presStyleCnt="16"/>
      <dgm:spPr/>
    </dgm:pt>
    <dgm:pt modelId="{BE63D378-87CC-4309-A52D-081B29C0344C}" type="pres">
      <dgm:prSet presAssocID="{28418DD4-B4D6-4ECD-B128-42E9BA6E7B1C}" presName="vert2" presStyleCnt="0"/>
      <dgm:spPr/>
    </dgm:pt>
    <dgm:pt modelId="{02C39B0D-9676-42F6-862D-060B33527107}" type="pres">
      <dgm:prSet presAssocID="{28418DD4-B4D6-4ECD-B128-42E9BA6E7B1C}" presName="thinLine2b" presStyleLbl="callout" presStyleIdx="4" presStyleCnt="13"/>
      <dgm:spPr/>
    </dgm:pt>
    <dgm:pt modelId="{2582AD7F-2C42-46BA-B05B-B7E6EB83AC41}" type="pres">
      <dgm:prSet presAssocID="{28418DD4-B4D6-4ECD-B128-42E9BA6E7B1C}" presName="vertSpace2b" presStyleCnt="0"/>
      <dgm:spPr/>
    </dgm:pt>
    <dgm:pt modelId="{66438805-6B46-456C-9F5C-B99C50478B61}" type="pres">
      <dgm:prSet presAssocID="{118100EB-BDB8-4099-B098-53576C669393}" presName="horz2" presStyleCnt="0"/>
      <dgm:spPr/>
    </dgm:pt>
    <dgm:pt modelId="{CD18F6CC-63F3-474E-89C0-2CFCBC39B85F}" type="pres">
      <dgm:prSet presAssocID="{118100EB-BDB8-4099-B098-53576C669393}" presName="horzSpace2" presStyleCnt="0"/>
      <dgm:spPr/>
    </dgm:pt>
    <dgm:pt modelId="{92A5E218-15D8-4376-BA02-BCA10382F531}" type="pres">
      <dgm:prSet presAssocID="{118100EB-BDB8-4099-B098-53576C669393}" presName="tx2" presStyleLbl="revTx" presStyleIdx="7" presStyleCnt="16"/>
      <dgm:spPr/>
    </dgm:pt>
    <dgm:pt modelId="{0887E9AD-B392-474C-8B83-DC029CB670C2}" type="pres">
      <dgm:prSet presAssocID="{118100EB-BDB8-4099-B098-53576C669393}" presName="vert2" presStyleCnt="0"/>
      <dgm:spPr/>
    </dgm:pt>
    <dgm:pt modelId="{12878C93-C38B-4B83-9EF5-545F7E2A11C4}" type="pres">
      <dgm:prSet presAssocID="{118100EB-BDB8-4099-B098-53576C669393}" presName="thinLine2b" presStyleLbl="callout" presStyleIdx="5" presStyleCnt="13"/>
      <dgm:spPr/>
    </dgm:pt>
    <dgm:pt modelId="{D2561336-9811-4DD2-B3BE-47E4ED25CFE4}" type="pres">
      <dgm:prSet presAssocID="{118100EB-BDB8-4099-B098-53576C669393}" presName="vertSpace2b" presStyleCnt="0"/>
      <dgm:spPr/>
    </dgm:pt>
    <dgm:pt modelId="{C52E5730-1C5B-46B2-91C1-38BADAF27666}" type="pres">
      <dgm:prSet presAssocID="{78A1BEDB-1F73-4248-8685-0F20136C8295}" presName="horz2" presStyleCnt="0"/>
      <dgm:spPr/>
    </dgm:pt>
    <dgm:pt modelId="{867E3AAA-46E6-45EF-8919-C26C72CF4174}" type="pres">
      <dgm:prSet presAssocID="{78A1BEDB-1F73-4248-8685-0F20136C8295}" presName="horzSpace2" presStyleCnt="0"/>
      <dgm:spPr/>
    </dgm:pt>
    <dgm:pt modelId="{C9355FCA-E3F3-4809-B1D4-E839D684D93C}" type="pres">
      <dgm:prSet presAssocID="{78A1BEDB-1F73-4248-8685-0F20136C8295}" presName="tx2" presStyleLbl="revTx" presStyleIdx="8" presStyleCnt="16"/>
      <dgm:spPr/>
    </dgm:pt>
    <dgm:pt modelId="{8A7BC4A6-0BF3-4ECB-926A-FC24ED230B24}" type="pres">
      <dgm:prSet presAssocID="{78A1BEDB-1F73-4248-8685-0F20136C8295}" presName="vert2" presStyleCnt="0"/>
      <dgm:spPr/>
    </dgm:pt>
    <dgm:pt modelId="{5366222D-82C3-4614-AF63-2E9D104E1D4E}" type="pres">
      <dgm:prSet presAssocID="{78A1BEDB-1F73-4248-8685-0F20136C8295}" presName="thinLine2b" presStyleLbl="callout" presStyleIdx="6" presStyleCnt="13"/>
      <dgm:spPr/>
    </dgm:pt>
    <dgm:pt modelId="{3D6FFDFF-05E8-44E5-8F91-C5C00688B765}" type="pres">
      <dgm:prSet presAssocID="{78A1BEDB-1F73-4248-8685-0F20136C8295}" presName="vertSpace2b" presStyleCnt="0"/>
      <dgm:spPr/>
    </dgm:pt>
    <dgm:pt modelId="{7D2B914E-7954-430D-B0A1-16AE18A425E7}" type="pres">
      <dgm:prSet presAssocID="{24545C0D-E7D3-4F44-8838-66D6FA5256D5}" presName="horz2" presStyleCnt="0"/>
      <dgm:spPr/>
    </dgm:pt>
    <dgm:pt modelId="{283C55D6-C7F2-4E9B-9BB3-DD4E37F8E563}" type="pres">
      <dgm:prSet presAssocID="{24545C0D-E7D3-4F44-8838-66D6FA5256D5}" presName="horzSpace2" presStyleCnt="0"/>
      <dgm:spPr/>
    </dgm:pt>
    <dgm:pt modelId="{517FBB95-421E-4B67-A8F0-E9DCF7552194}" type="pres">
      <dgm:prSet presAssocID="{24545C0D-E7D3-4F44-8838-66D6FA5256D5}" presName="tx2" presStyleLbl="revTx" presStyleIdx="9" presStyleCnt="16"/>
      <dgm:spPr/>
    </dgm:pt>
    <dgm:pt modelId="{08BE83EA-BDEE-4F7B-8E61-782C8A0E175F}" type="pres">
      <dgm:prSet presAssocID="{24545C0D-E7D3-4F44-8838-66D6FA5256D5}" presName="vert2" presStyleCnt="0"/>
      <dgm:spPr/>
    </dgm:pt>
    <dgm:pt modelId="{4EF2CD2D-2D50-451C-A7FF-04AA42B0DDD4}" type="pres">
      <dgm:prSet presAssocID="{24545C0D-E7D3-4F44-8838-66D6FA5256D5}" presName="thinLine2b" presStyleLbl="callout" presStyleIdx="7" presStyleCnt="13"/>
      <dgm:spPr/>
    </dgm:pt>
    <dgm:pt modelId="{98B47FC7-5630-45F5-A6B1-C7DD9DB414D5}" type="pres">
      <dgm:prSet presAssocID="{24545C0D-E7D3-4F44-8838-66D6FA5256D5}" presName="vertSpace2b" presStyleCnt="0"/>
      <dgm:spPr/>
    </dgm:pt>
    <dgm:pt modelId="{3A455798-F2EF-49FA-8C3B-D1F1CE4F76AF}" type="pres">
      <dgm:prSet presAssocID="{65417E89-CF70-4B98-9F80-65929887958D}" presName="thickLine" presStyleLbl="alignNode1" presStyleIdx="2" presStyleCnt="3"/>
      <dgm:spPr/>
    </dgm:pt>
    <dgm:pt modelId="{19EA6468-D468-406D-A8A2-23D832520C9F}" type="pres">
      <dgm:prSet presAssocID="{65417E89-CF70-4B98-9F80-65929887958D}" presName="horz1" presStyleCnt="0"/>
      <dgm:spPr/>
    </dgm:pt>
    <dgm:pt modelId="{1567C2B2-FAE3-440B-8E62-90199E545227}" type="pres">
      <dgm:prSet presAssocID="{65417E89-CF70-4B98-9F80-65929887958D}" presName="tx1" presStyleLbl="revTx" presStyleIdx="10" presStyleCnt="16"/>
      <dgm:spPr/>
    </dgm:pt>
    <dgm:pt modelId="{8D86F310-A49D-4671-BB04-8DE60BB039C7}" type="pres">
      <dgm:prSet presAssocID="{65417E89-CF70-4B98-9F80-65929887958D}" presName="vert1" presStyleCnt="0"/>
      <dgm:spPr/>
    </dgm:pt>
    <dgm:pt modelId="{590EA50E-68B5-469F-9A94-EE1F5E5687EF}" type="pres">
      <dgm:prSet presAssocID="{9708FE82-90BB-4D7F-9218-E8309D568979}" presName="vertSpace2a" presStyleCnt="0"/>
      <dgm:spPr/>
    </dgm:pt>
    <dgm:pt modelId="{7C062C49-21B1-4B52-8817-2821064A6BFC}" type="pres">
      <dgm:prSet presAssocID="{9708FE82-90BB-4D7F-9218-E8309D568979}" presName="horz2" presStyleCnt="0"/>
      <dgm:spPr/>
    </dgm:pt>
    <dgm:pt modelId="{F6C80479-5ACD-4648-B85B-A8816F011CD6}" type="pres">
      <dgm:prSet presAssocID="{9708FE82-90BB-4D7F-9218-E8309D568979}" presName="horzSpace2" presStyleCnt="0"/>
      <dgm:spPr/>
    </dgm:pt>
    <dgm:pt modelId="{D325D1CC-A8E1-44AE-A148-479E636CB18D}" type="pres">
      <dgm:prSet presAssocID="{9708FE82-90BB-4D7F-9218-E8309D568979}" presName="tx2" presStyleLbl="revTx" presStyleIdx="11" presStyleCnt="16"/>
      <dgm:spPr/>
    </dgm:pt>
    <dgm:pt modelId="{EE277813-3A24-4227-9E46-CAD5E8057C4C}" type="pres">
      <dgm:prSet presAssocID="{9708FE82-90BB-4D7F-9218-E8309D568979}" presName="vert2" presStyleCnt="0"/>
      <dgm:spPr/>
    </dgm:pt>
    <dgm:pt modelId="{527B4C5D-4F07-4369-9559-C34A202BC165}" type="pres">
      <dgm:prSet presAssocID="{9708FE82-90BB-4D7F-9218-E8309D568979}" presName="thinLine2b" presStyleLbl="callout" presStyleIdx="8" presStyleCnt="13"/>
      <dgm:spPr/>
    </dgm:pt>
    <dgm:pt modelId="{7967E21B-29D1-4425-8893-31DCCBE48ACF}" type="pres">
      <dgm:prSet presAssocID="{9708FE82-90BB-4D7F-9218-E8309D568979}" presName="vertSpace2b" presStyleCnt="0"/>
      <dgm:spPr/>
    </dgm:pt>
    <dgm:pt modelId="{9143AFE9-FD09-40F7-9E2D-F16A8201432A}" type="pres">
      <dgm:prSet presAssocID="{E7F87D98-34A8-41A3-B158-2467C1643D93}" presName="horz2" presStyleCnt="0"/>
      <dgm:spPr/>
    </dgm:pt>
    <dgm:pt modelId="{60951DCC-4EB8-413F-A52A-65E8AD2819AD}" type="pres">
      <dgm:prSet presAssocID="{E7F87D98-34A8-41A3-B158-2467C1643D93}" presName="horzSpace2" presStyleCnt="0"/>
      <dgm:spPr/>
    </dgm:pt>
    <dgm:pt modelId="{90C32BA8-6CBA-4AD6-889E-2743B81B80D7}" type="pres">
      <dgm:prSet presAssocID="{E7F87D98-34A8-41A3-B158-2467C1643D93}" presName="tx2" presStyleLbl="revTx" presStyleIdx="12" presStyleCnt="16"/>
      <dgm:spPr/>
    </dgm:pt>
    <dgm:pt modelId="{C76239E5-A0FB-496E-97AD-0EA21A704F91}" type="pres">
      <dgm:prSet presAssocID="{E7F87D98-34A8-41A3-B158-2467C1643D93}" presName="vert2" presStyleCnt="0"/>
      <dgm:spPr/>
    </dgm:pt>
    <dgm:pt modelId="{6D3B636A-6537-4A22-A0F4-5A280CFC9717}" type="pres">
      <dgm:prSet presAssocID="{E7F87D98-34A8-41A3-B158-2467C1643D93}" presName="thinLine2b" presStyleLbl="callout" presStyleIdx="9" presStyleCnt="13"/>
      <dgm:spPr/>
    </dgm:pt>
    <dgm:pt modelId="{CA509DC2-BFC6-44D4-B6F8-CCFE63855E68}" type="pres">
      <dgm:prSet presAssocID="{E7F87D98-34A8-41A3-B158-2467C1643D93}" presName="vertSpace2b" presStyleCnt="0"/>
      <dgm:spPr/>
    </dgm:pt>
    <dgm:pt modelId="{BAB7F287-0342-48C0-9F13-193BDFC54237}" type="pres">
      <dgm:prSet presAssocID="{5444D801-5E55-42DB-8064-0AE0871321E4}" presName="horz2" presStyleCnt="0"/>
      <dgm:spPr/>
    </dgm:pt>
    <dgm:pt modelId="{BEB5EB21-A787-4145-9BAD-10F665D7D117}" type="pres">
      <dgm:prSet presAssocID="{5444D801-5E55-42DB-8064-0AE0871321E4}" presName="horzSpace2" presStyleCnt="0"/>
      <dgm:spPr/>
    </dgm:pt>
    <dgm:pt modelId="{5B3B1659-5D53-4B3A-ABBB-1DC6C6A6CAEC}" type="pres">
      <dgm:prSet presAssocID="{5444D801-5E55-42DB-8064-0AE0871321E4}" presName="tx2" presStyleLbl="revTx" presStyleIdx="13" presStyleCnt="16"/>
      <dgm:spPr/>
    </dgm:pt>
    <dgm:pt modelId="{E59DF461-5B64-4E6A-964C-8605F5AF8824}" type="pres">
      <dgm:prSet presAssocID="{5444D801-5E55-42DB-8064-0AE0871321E4}" presName="vert2" presStyleCnt="0"/>
      <dgm:spPr/>
    </dgm:pt>
    <dgm:pt modelId="{D19E7E92-5731-48D4-9714-0CFE037FAAD6}" type="pres">
      <dgm:prSet presAssocID="{5444D801-5E55-42DB-8064-0AE0871321E4}" presName="thinLine2b" presStyleLbl="callout" presStyleIdx="10" presStyleCnt="13"/>
      <dgm:spPr/>
    </dgm:pt>
    <dgm:pt modelId="{FB0DA6DA-78E0-475A-9E07-70F97EB4EFE4}" type="pres">
      <dgm:prSet presAssocID="{5444D801-5E55-42DB-8064-0AE0871321E4}" presName="vertSpace2b" presStyleCnt="0"/>
      <dgm:spPr/>
    </dgm:pt>
    <dgm:pt modelId="{C3FF6842-C2A4-44E8-815E-A5540139519E}" type="pres">
      <dgm:prSet presAssocID="{497E5379-10CD-48AB-ACE3-AB8166A6B703}" presName="horz2" presStyleCnt="0"/>
      <dgm:spPr/>
    </dgm:pt>
    <dgm:pt modelId="{894DD4AF-EA9E-469E-ABCF-D5B2AA78CD3E}" type="pres">
      <dgm:prSet presAssocID="{497E5379-10CD-48AB-ACE3-AB8166A6B703}" presName="horzSpace2" presStyleCnt="0"/>
      <dgm:spPr/>
    </dgm:pt>
    <dgm:pt modelId="{6A8C9150-0B12-4700-95A0-7741D879ECF4}" type="pres">
      <dgm:prSet presAssocID="{497E5379-10CD-48AB-ACE3-AB8166A6B703}" presName="tx2" presStyleLbl="revTx" presStyleIdx="14" presStyleCnt="16"/>
      <dgm:spPr/>
    </dgm:pt>
    <dgm:pt modelId="{B775A59B-C50D-4404-8F31-64E44603DE01}" type="pres">
      <dgm:prSet presAssocID="{497E5379-10CD-48AB-ACE3-AB8166A6B703}" presName="vert2" presStyleCnt="0"/>
      <dgm:spPr/>
    </dgm:pt>
    <dgm:pt modelId="{A53B5702-8360-481D-89C8-F7F5DC539E9F}" type="pres">
      <dgm:prSet presAssocID="{497E5379-10CD-48AB-ACE3-AB8166A6B703}" presName="thinLine2b" presStyleLbl="callout" presStyleIdx="11" presStyleCnt="13"/>
      <dgm:spPr/>
    </dgm:pt>
    <dgm:pt modelId="{5A2732A1-DDD1-4A0F-9A95-CFCDFAA11F6B}" type="pres">
      <dgm:prSet presAssocID="{497E5379-10CD-48AB-ACE3-AB8166A6B703}" presName="vertSpace2b" presStyleCnt="0"/>
      <dgm:spPr/>
    </dgm:pt>
    <dgm:pt modelId="{850B9D47-738C-4DA7-8E2D-B5C87F2A1B09}" type="pres">
      <dgm:prSet presAssocID="{6084EB55-DA83-48FB-80BE-C81A52F55368}" presName="horz2" presStyleCnt="0"/>
      <dgm:spPr/>
    </dgm:pt>
    <dgm:pt modelId="{0D660173-91FC-4758-88F9-DE723CA1491A}" type="pres">
      <dgm:prSet presAssocID="{6084EB55-DA83-48FB-80BE-C81A52F55368}" presName="horzSpace2" presStyleCnt="0"/>
      <dgm:spPr/>
    </dgm:pt>
    <dgm:pt modelId="{0A1DD86C-8C0D-4E8D-B815-1032F9BDEB02}" type="pres">
      <dgm:prSet presAssocID="{6084EB55-DA83-48FB-80BE-C81A52F55368}" presName="tx2" presStyleLbl="revTx" presStyleIdx="15" presStyleCnt="16"/>
      <dgm:spPr/>
    </dgm:pt>
    <dgm:pt modelId="{3912ED26-9021-45A7-9005-CBD76DF814B4}" type="pres">
      <dgm:prSet presAssocID="{6084EB55-DA83-48FB-80BE-C81A52F55368}" presName="vert2" presStyleCnt="0"/>
      <dgm:spPr/>
    </dgm:pt>
    <dgm:pt modelId="{3FAAD652-D2A0-4A73-A2A1-62B0BBCEF917}" type="pres">
      <dgm:prSet presAssocID="{6084EB55-DA83-48FB-80BE-C81A52F55368}" presName="thinLine2b" presStyleLbl="callout" presStyleIdx="12" presStyleCnt="13"/>
      <dgm:spPr/>
    </dgm:pt>
    <dgm:pt modelId="{D3BF85B2-272B-4171-A89E-87A00B8021EA}" type="pres">
      <dgm:prSet presAssocID="{6084EB55-DA83-48FB-80BE-C81A52F55368}" presName="vertSpace2b" presStyleCnt="0"/>
      <dgm:spPr/>
    </dgm:pt>
  </dgm:ptLst>
  <dgm:cxnLst>
    <dgm:cxn modelId="{81EA4003-CF99-494F-9E2F-418A28AB441A}" srcId="{F1E21D78-1F7A-4CF1-89BD-7B7B023E2B25}" destId="{78A1BEDB-1F73-4248-8685-0F20136C8295}" srcOrd="2" destOrd="0" parTransId="{4B91CB16-46D7-46DB-AAA5-039E9B3C1937}" sibTransId="{EAC8968E-B6D4-4028-B758-D36395E98FCF}"/>
    <dgm:cxn modelId="{C1423804-AA4E-4CC9-9D78-CD8B19F60738}" srcId="{65417E89-CF70-4B98-9F80-65929887958D}" destId="{E7F87D98-34A8-41A3-B158-2467C1643D93}" srcOrd="1" destOrd="0" parTransId="{80DF03C5-6223-4974-AACA-F533A310B6C8}" sibTransId="{576BECFF-48BD-471E-BAEF-123A8D81B489}"/>
    <dgm:cxn modelId="{B407EE12-D332-487E-95C3-C61BB1CF939E}" type="presOf" srcId="{E7F87D98-34A8-41A3-B158-2467C1643D93}" destId="{90C32BA8-6CBA-4AD6-889E-2743B81B80D7}" srcOrd="0" destOrd="0" presId="urn:microsoft.com/office/officeart/2008/layout/LinedList"/>
    <dgm:cxn modelId="{FDD8011E-EEAA-4F83-BAE8-86835FADE028}" srcId="{F1E21D78-1F7A-4CF1-89BD-7B7B023E2B25}" destId="{24545C0D-E7D3-4F44-8838-66D6FA5256D5}" srcOrd="3" destOrd="0" parTransId="{176C5DAB-D8AD-4DDD-B39C-CC5C0D692E71}" sibTransId="{2E5BCB3E-479A-4230-9254-B86232C09D58}"/>
    <dgm:cxn modelId="{06BDF022-F46A-4C5C-BA6B-8CED93273A4D}" srcId="{FA3D327B-02A1-4062-A382-547944E8AA02}" destId="{667A9BB0-0279-461D-96B1-9E7363AE348C}" srcOrd="2" destOrd="0" parTransId="{AFDC1258-C97B-4E1A-9AA6-2B9C2E5FCFBB}" sibTransId="{752C1108-F6ED-4A99-BC93-78ACC18AAB36}"/>
    <dgm:cxn modelId="{88D06125-9487-4F83-99FF-06046B8AD5BE}" type="presOf" srcId="{667A9BB0-0279-461D-96B1-9E7363AE348C}" destId="{8534AE55-9720-4E9E-BA24-49966121A904}" srcOrd="0" destOrd="0" presId="urn:microsoft.com/office/officeart/2008/layout/LinedList"/>
    <dgm:cxn modelId="{607A122D-32FE-438B-B121-940832D5E5AA}" srcId="{65417E89-CF70-4B98-9F80-65929887958D}" destId="{9708FE82-90BB-4D7F-9218-E8309D568979}" srcOrd="0" destOrd="0" parTransId="{BF3F01F0-C3A4-4F9B-B1DA-E122F1D39C1C}" sibTransId="{262049ED-528D-4786-870F-CB0157A36A45}"/>
    <dgm:cxn modelId="{13C98A2F-EA8A-41C7-9859-FEA5A2FE9433}" type="presOf" srcId="{7E9EEB70-2BF5-4369-BF05-D4D4B627371F}" destId="{102FC885-0AE4-47BC-87E5-0D1B4DC10264}" srcOrd="0" destOrd="0" presId="urn:microsoft.com/office/officeart/2008/layout/LinedList"/>
    <dgm:cxn modelId="{90602E36-3F6E-41F9-8547-77A0A2A21764}" type="presOf" srcId="{497E5379-10CD-48AB-ACE3-AB8166A6B703}" destId="{6A8C9150-0B12-4700-95A0-7741D879ECF4}" srcOrd="0" destOrd="0" presId="urn:microsoft.com/office/officeart/2008/layout/LinedList"/>
    <dgm:cxn modelId="{BD5B7538-5711-4FC3-9774-BD4058C14130}" srcId="{FA3D327B-02A1-4062-A382-547944E8AA02}" destId="{0987DCE4-473C-45E7-BFA5-AEB6DF15FBE1}" srcOrd="3" destOrd="0" parTransId="{DAD38462-06A9-412D-B55A-6751A32925BB}" sibTransId="{FED4E2DE-6FAF-4BF3-AC0C-413EC9A615EF}"/>
    <dgm:cxn modelId="{BA14F23A-6CB9-4BA7-B9FD-3A0916776735}" type="presOf" srcId="{24545C0D-E7D3-4F44-8838-66D6FA5256D5}" destId="{517FBB95-421E-4B67-A8F0-E9DCF7552194}" srcOrd="0" destOrd="0" presId="urn:microsoft.com/office/officeart/2008/layout/LinedList"/>
    <dgm:cxn modelId="{8158735C-B0FB-4A2F-A716-E8CFA870C977}" srcId="{7E9EEB70-2BF5-4369-BF05-D4D4B627371F}" destId="{F1E21D78-1F7A-4CF1-89BD-7B7B023E2B25}" srcOrd="1" destOrd="0" parTransId="{B9E55C9C-D8B9-4876-9EF3-8CAF173E079E}" sibTransId="{E06ABE02-9BC8-4440-9CC3-369352A23864}"/>
    <dgm:cxn modelId="{4C172A5D-9C13-4C0C-8189-04DCF244DD68}" type="presOf" srcId="{5444D801-5E55-42DB-8064-0AE0871321E4}" destId="{5B3B1659-5D53-4B3A-ABBB-1DC6C6A6CAEC}" srcOrd="0" destOrd="0" presId="urn:microsoft.com/office/officeart/2008/layout/LinedList"/>
    <dgm:cxn modelId="{C9859D66-7E81-4BA9-B19A-2CB6785FADAF}" srcId="{F1E21D78-1F7A-4CF1-89BD-7B7B023E2B25}" destId="{118100EB-BDB8-4099-B098-53576C669393}" srcOrd="1" destOrd="0" parTransId="{CF077D44-326B-47FA-ABDA-276071677FBB}" sibTransId="{8F4409DC-52C1-41AD-971D-2EFA27B0DEDE}"/>
    <dgm:cxn modelId="{1AE47A6D-9367-45F8-9180-35EB30BDEAC4}" srcId="{FA3D327B-02A1-4062-A382-547944E8AA02}" destId="{D53ECAD0-DCE7-4006-94FA-BE52BFC59D36}" srcOrd="1" destOrd="0" parTransId="{98AC4D10-B2A9-4C41-A23D-C62790174CC9}" sibTransId="{7BDC64DF-9948-436D-ACA6-197C80F3422B}"/>
    <dgm:cxn modelId="{4BE8776F-7DC7-4C93-806F-7D7BBAA21A0D}" type="presOf" srcId="{65417E89-CF70-4B98-9F80-65929887958D}" destId="{1567C2B2-FAE3-440B-8E62-90199E545227}" srcOrd="0" destOrd="0" presId="urn:microsoft.com/office/officeart/2008/layout/LinedList"/>
    <dgm:cxn modelId="{253C6A50-0CCA-4B51-BA84-D3C5B32A7121}" srcId="{7E9EEB70-2BF5-4369-BF05-D4D4B627371F}" destId="{FA3D327B-02A1-4062-A382-547944E8AA02}" srcOrd="0" destOrd="0" parTransId="{69AA2CA1-4B0C-4C15-99E1-C6B64BBE73CF}" sibTransId="{B0BBF68B-45B1-4589-B152-844E92952FD6}"/>
    <dgm:cxn modelId="{EC624A70-3C57-411E-BA68-8FA3980D6B0A}" srcId="{65417E89-CF70-4B98-9F80-65929887958D}" destId="{497E5379-10CD-48AB-ACE3-AB8166A6B703}" srcOrd="3" destOrd="0" parTransId="{7C96B77C-6B2F-4439-929F-390AE4E213E1}" sibTransId="{5D9EBBE3-1939-4AAD-B57D-D4AFE03B2ABB}"/>
    <dgm:cxn modelId="{1BF2B452-39BC-4767-91C0-B7EDDC89C0D0}" srcId="{65417E89-CF70-4B98-9F80-65929887958D}" destId="{5444D801-5E55-42DB-8064-0AE0871321E4}" srcOrd="2" destOrd="0" parTransId="{DAFAAE28-AE3C-4D57-9DD2-C6CFB1A1CDB0}" sibTransId="{8B7287BE-D126-4725-84A5-1BBC998F252F}"/>
    <dgm:cxn modelId="{6B24C97F-BA84-466B-9BDF-A83E587961FF}" type="presOf" srcId="{28418DD4-B4D6-4ECD-B128-42E9BA6E7B1C}" destId="{512A7714-A849-4335-AE1A-7EDABD065CC1}" srcOrd="0" destOrd="0" presId="urn:microsoft.com/office/officeart/2008/layout/LinedList"/>
    <dgm:cxn modelId="{62687083-8853-4314-9315-2FC88E4B77B1}" type="presOf" srcId="{118100EB-BDB8-4099-B098-53576C669393}" destId="{92A5E218-15D8-4376-BA02-BCA10382F531}" srcOrd="0" destOrd="0" presId="urn:microsoft.com/office/officeart/2008/layout/LinedList"/>
    <dgm:cxn modelId="{A1D44187-40A0-4BE2-AE4E-39B44B774749}" srcId="{65417E89-CF70-4B98-9F80-65929887958D}" destId="{6084EB55-DA83-48FB-80BE-C81A52F55368}" srcOrd="4" destOrd="0" parTransId="{80F04A64-9755-4260-A0F1-BF95F12628B0}" sibTransId="{BE5C905E-BF28-4C78-8A8A-F1E2A75CBC22}"/>
    <dgm:cxn modelId="{B5602C9F-92DF-4A4B-A0FD-82C9A783B3F2}" type="presOf" srcId="{9708FE82-90BB-4D7F-9218-E8309D568979}" destId="{D325D1CC-A8E1-44AE-A148-479E636CB18D}" srcOrd="0" destOrd="0" presId="urn:microsoft.com/office/officeart/2008/layout/LinedList"/>
    <dgm:cxn modelId="{1CEDBEA0-9A05-4767-BE5D-129E1E3217E0}" type="presOf" srcId="{6084EB55-DA83-48FB-80BE-C81A52F55368}" destId="{0A1DD86C-8C0D-4E8D-B815-1032F9BDEB02}" srcOrd="0" destOrd="0" presId="urn:microsoft.com/office/officeart/2008/layout/LinedList"/>
    <dgm:cxn modelId="{40F8D4BD-F2AF-4970-9BEA-346F2D6B86B4}" type="presOf" srcId="{F1E21D78-1F7A-4CF1-89BD-7B7B023E2B25}" destId="{4A0D1DD9-B546-4959-B28B-445F14663997}" srcOrd="0" destOrd="0" presId="urn:microsoft.com/office/officeart/2008/layout/LinedList"/>
    <dgm:cxn modelId="{01014AC4-715A-426E-BE0B-E1197E2463D8}" srcId="{FA3D327B-02A1-4062-A382-547944E8AA02}" destId="{0711374E-3C6C-4478-9FBA-3D166E165285}" srcOrd="0" destOrd="0" parTransId="{C9F28899-1C34-4651-8941-0C27D05DD181}" sibTransId="{1453A03A-8A96-48F2-AEAC-7E9CB380CA6C}"/>
    <dgm:cxn modelId="{1CBD3EDA-C3DB-460C-8035-01BEF1E23ABD}" srcId="{7E9EEB70-2BF5-4369-BF05-D4D4B627371F}" destId="{65417E89-CF70-4B98-9F80-65929887958D}" srcOrd="2" destOrd="0" parTransId="{85DC3061-CE6F-40D5-82D4-87C49BB4FE5F}" sibTransId="{812F8CD3-C215-48D6-9C03-CC1D97274EB3}"/>
    <dgm:cxn modelId="{DDCCF9DC-6C6D-4ED8-A09D-61FC3E67B819}" type="presOf" srcId="{0987DCE4-473C-45E7-BFA5-AEB6DF15FBE1}" destId="{5F0B0E69-BCE7-46FE-B163-1A10193CD7A2}" srcOrd="0" destOrd="0" presId="urn:microsoft.com/office/officeart/2008/layout/LinedList"/>
    <dgm:cxn modelId="{844814E0-19E9-4F2F-80D9-5F0202CD410E}" type="presOf" srcId="{78A1BEDB-1F73-4248-8685-0F20136C8295}" destId="{C9355FCA-E3F3-4809-B1D4-E839D684D93C}" srcOrd="0" destOrd="0" presId="urn:microsoft.com/office/officeart/2008/layout/LinedList"/>
    <dgm:cxn modelId="{9DF5C0EA-AFBD-48CE-B1B6-A3B57F6EA040}" type="presOf" srcId="{0711374E-3C6C-4478-9FBA-3D166E165285}" destId="{89129566-3AD9-4ACA-B21D-A8E6C2E84DFF}" srcOrd="0" destOrd="0" presId="urn:microsoft.com/office/officeart/2008/layout/LinedList"/>
    <dgm:cxn modelId="{86CBD8EA-3168-47B6-B08C-012027C1D6CF}" type="presOf" srcId="{FA3D327B-02A1-4062-A382-547944E8AA02}" destId="{2858C013-8FB0-4D54-949B-31D68343E8A8}" srcOrd="0" destOrd="0" presId="urn:microsoft.com/office/officeart/2008/layout/LinedList"/>
    <dgm:cxn modelId="{CDC027FB-0F3E-469A-BF46-F55BD2304FBF}" srcId="{F1E21D78-1F7A-4CF1-89BD-7B7B023E2B25}" destId="{28418DD4-B4D6-4ECD-B128-42E9BA6E7B1C}" srcOrd="0" destOrd="0" parTransId="{90F51A3A-1FB7-4BC0-89FE-1E37DE7F4C2B}" sibTransId="{802089FE-4C89-4E44-A10B-4DF49CCC6031}"/>
    <dgm:cxn modelId="{643974FE-2046-4D41-B592-B2C8E683C903}" type="presOf" srcId="{D53ECAD0-DCE7-4006-94FA-BE52BFC59D36}" destId="{96E4E127-9D85-4013-A7B0-15066F902F99}" srcOrd="0" destOrd="0" presId="urn:microsoft.com/office/officeart/2008/layout/LinedList"/>
    <dgm:cxn modelId="{1B355EE5-E38D-4CAB-8E56-07A874AC57C2}" type="presParOf" srcId="{102FC885-0AE4-47BC-87E5-0D1B4DC10264}" destId="{A243198C-33EC-4A8B-8981-61C5F91D81C4}" srcOrd="0" destOrd="0" presId="urn:microsoft.com/office/officeart/2008/layout/LinedList"/>
    <dgm:cxn modelId="{35AD5926-A9AA-473E-A352-AB171B07170C}" type="presParOf" srcId="{102FC885-0AE4-47BC-87E5-0D1B4DC10264}" destId="{C741B274-DD3E-4E75-8BAD-59E75F3DC125}" srcOrd="1" destOrd="0" presId="urn:microsoft.com/office/officeart/2008/layout/LinedList"/>
    <dgm:cxn modelId="{6CA4B55F-ACF3-4A07-B3EB-2018DF7ED689}" type="presParOf" srcId="{C741B274-DD3E-4E75-8BAD-59E75F3DC125}" destId="{2858C013-8FB0-4D54-949B-31D68343E8A8}" srcOrd="0" destOrd="0" presId="urn:microsoft.com/office/officeart/2008/layout/LinedList"/>
    <dgm:cxn modelId="{1EB665F6-9BBA-49CA-AC96-DD9C9F7CA42E}" type="presParOf" srcId="{C741B274-DD3E-4E75-8BAD-59E75F3DC125}" destId="{7CF04402-893C-415F-A703-F37DD408BB88}" srcOrd="1" destOrd="0" presId="urn:microsoft.com/office/officeart/2008/layout/LinedList"/>
    <dgm:cxn modelId="{9A190BDF-441B-4B60-B59B-0B44D0145864}" type="presParOf" srcId="{7CF04402-893C-415F-A703-F37DD408BB88}" destId="{FCE38FB4-3FCD-4B48-B08B-37FF126F2792}" srcOrd="0" destOrd="0" presId="urn:microsoft.com/office/officeart/2008/layout/LinedList"/>
    <dgm:cxn modelId="{9E51CC88-96BE-4DC0-86C4-EFD0EE122B98}" type="presParOf" srcId="{7CF04402-893C-415F-A703-F37DD408BB88}" destId="{022CB970-C484-4A11-9C43-8D36C2041548}" srcOrd="1" destOrd="0" presId="urn:microsoft.com/office/officeart/2008/layout/LinedList"/>
    <dgm:cxn modelId="{B232A72E-2C02-4E1D-AD1E-DB535C9DA193}" type="presParOf" srcId="{022CB970-C484-4A11-9C43-8D36C2041548}" destId="{37D237C4-92CA-4F42-A1DF-7E111D247EDD}" srcOrd="0" destOrd="0" presId="urn:microsoft.com/office/officeart/2008/layout/LinedList"/>
    <dgm:cxn modelId="{478A073C-8643-4CD9-8D52-BCB853B233D2}" type="presParOf" srcId="{022CB970-C484-4A11-9C43-8D36C2041548}" destId="{89129566-3AD9-4ACA-B21D-A8E6C2E84DFF}" srcOrd="1" destOrd="0" presId="urn:microsoft.com/office/officeart/2008/layout/LinedList"/>
    <dgm:cxn modelId="{13DFEBE8-D66B-40DE-B631-C6D52AEE4C88}" type="presParOf" srcId="{022CB970-C484-4A11-9C43-8D36C2041548}" destId="{123ED5C9-4419-4563-884A-2415C2CF694F}" srcOrd="2" destOrd="0" presId="urn:microsoft.com/office/officeart/2008/layout/LinedList"/>
    <dgm:cxn modelId="{BD83F08F-E243-4DB8-8259-C92F73698527}" type="presParOf" srcId="{7CF04402-893C-415F-A703-F37DD408BB88}" destId="{68215DAF-BADD-4924-BECB-A80AA637EF17}" srcOrd="2" destOrd="0" presId="urn:microsoft.com/office/officeart/2008/layout/LinedList"/>
    <dgm:cxn modelId="{A66F436D-8D85-4289-824A-2BE92918AC3A}" type="presParOf" srcId="{7CF04402-893C-415F-A703-F37DD408BB88}" destId="{95AD4819-1F61-4BD5-AF2F-DA3D09190E52}" srcOrd="3" destOrd="0" presId="urn:microsoft.com/office/officeart/2008/layout/LinedList"/>
    <dgm:cxn modelId="{EC15397F-8E71-4AB5-8906-8D9EBD7FFF91}" type="presParOf" srcId="{7CF04402-893C-415F-A703-F37DD408BB88}" destId="{F6F61F2D-24D4-4C59-9541-8B2F02C98EC1}" srcOrd="4" destOrd="0" presId="urn:microsoft.com/office/officeart/2008/layout/LinedList"/>
    <dgm:cxn modelId="{D03EFD63-08A9-4B23-AADF-13491C143336}" type="presParOf" srcId="{F6F61F2D-24D4-4C59-9541-8B2F02C98EC1}" destId="{7BA367C9-3786-465C-AE41-A26607AD59FA}" srcOrd="0" destOrd="0" presId="urn:microsoft.com/office/officeart/2008/layout/LinedList"/>
    <dgm:cxn modelId="{7AB6DC21-E7FE-435F-B775-63CACDF4CBEA}" type="presParOf" srcId="{F6F61F2D-24D4-4C59-9541-8B2F02C98EC1}" destId="{96E4E127-9D85-4013-A7B0-15066F902F99}" srcOrd="1" destOrd="0" presId="urn:microsoft.com/office/officeart/2008/layout/LinedList"/>
    <dgm:cxn modelId="{85BD32F1-A37B-4359-B424-43EB63409C0F}" type="presParOf" srcId="{F6F61F2D-24D4-4C59-9541-8B2F02C98EC1}" destId="{E519EBEB-1875-4485-80E5-18491BBE28D0}" srcOrd="2" destOrd="0" presId="urn:microsoft.com/office/officeart/2008/layout/LinedList"/>
    <dgm:cxn modelId="{54F19E69-66ED-408C-83BB-5CFC2197AF40}" type="presParOf" srcId="{7CF04402-893C-415F-A703-F37DD408BB88}" destId="{DA2C4988-3E54-4427-90B7-B0A7B175946D}" srcOrd="5" destOrd="0" presId="urn:microsoft.com/office/officeart/2008/layout/LinedList"/>
    <dgm:cxn modelId="{109FBF15-2F0E-4EE3-B04E-3CFBC9D0266A}" type="presParOf" srcId="{7CF04402-893C-415F-A703-F37DD408BB88}" destId="{EA47E873-25B9-4800-BD26-877EB041FB29}" srcOrd="6" destOrd="0" presId="urn:microsoft.com/office/officeart/2008/layout/LinedList"/>
    <dgm:cxn modelId="{C755533F-B030-404D-A4A7-E9BDE4200464}" type="presParOf" srcId="{7CF04402-893C-415F-A703-F37DD408BB88}" destId="{9A5A2725-930F-4EEC-BB83-80C0BFD86C1C}" srcOrd="7" destOrd="0" presId="urn:microsoft.com/office/officeart/2008/layout/LinedList"/>
    <dgm:cxn modelId="{9099A742-A838-4AB1-902B-184AFADD5AFD}" type="presParOf" srcId="{9A5A2725-930F-4EEC-BB83-80C0BFD86C1C}" destId="{7940DCA5-DDE6-4887-BFF3-8D089618B479}" srcOrd="0" destOrd="0" presId="urn:microsoft.com/office/officeart/2008/layout/LinedList"/>
    <dgm:cxn modelId="{4E5577D5-BFE4-4EB9-84C8-5DC1D962F75F}" type="presParOf" srcId="{9A5A2725-930F-4EEC-BB83-80C0BFD86C1C}" destId="{8534AE55-9720-4E9E-BA24-49966121A904}" srcOrd="1" destOrd="0" presId="urn:microsoft.com/office/officeart/2008/layout/LinedList"/>
    <dgm:cxn modelId="{D8F18141-D55E-4B7D-8FE0-C166B8973ABD}" type="presParOf" srcId="{9A5A2725-930F-4EEC-BB83-80C0BFD86C1C}" destId="{8CFAF172-1309-4BDC-9A00-D24FFBBF83E3}" srcOrd="2" destOrd="0" presId="urn:microsoft.com/office/officeart/2008/layout/LinedList"/>
    <dgm:cxn modelId="{E6C22A21-586C-40E6-868B-3173730E2F2B}" type="presParOf" srcId="{7CF04402-893C-415F-A703-F37DD408BB88}" destId="{A84391EF-CD14-4E13-B89B-2B6732334D19}" srcOrd="8" destOrd="0" presId="urn:microsoft.com/office/officeart/2008/layout/LinedList"/>
    <dgm:cxn modelId="{D8D4C14C-1684-4FF8-8500-00B7A6693DCD}" type="presParOf" srcId="{7CF04402-893C-415F-A703-F37DD408BB88}" destId="{F6C57C37-C7B6-4C49-838B-B258746D03E8}" srcOrd="9" destOrd="0" presId="urn:microsoft.com/office/officeart/2008/layout/LinedList"/>
    <dgm:cxn modelId="{3E1F7928-7CF8-44EB-84C4-602F0C1EA247}" type="presParOf" srcId="{7CF04402-893C-415F-A703-F37DD408BB88}" destId="{CBF733B5-AFEF-44AF-9E5C-4A3C84E29BF0}" srcOrd="10" destOrd="0" presId="urn:microsoft.com/office/officeart/2008/layout/LinedList"/>
    <dgm:cxn modelId="{28903AE7-1F4B-4A07-98B9-3E55E0D4719B}" type="presParOf" srcId="{CBF733B5-AFEF-44AF-9E5C-4A3C84E29BF0}" destId="{9E6E5C11-2809-49D1-A03D-0703E676546C}" srcOrd="0" destOrd="0" presId="urn:microsoft.com/office/officeart/2008/layout/LinedList"/>
    <dgm:cxn modelId="{23F6BC45-09D3-4AAF-8A18-03CC3DF2DB6B}" type="presParOf" srcId="{CBF733B5-AFEF-44AF-9E5C-4A3C84E29BF0}" destId="{5F0B0E69-BCE7-46FE-B163-1A10193CD7A2}" srcOrd="1" destOrd="0" presId="urn:microsoft.com/office/officeart/2008/layout/LinedList"/>
    <dgm:cxn modelId="{137342DA-F24C-459A-99E2-A7ADBA28228A}" type="presParOf" srcId="{CBF733B5-AFEF-44AF-9E5C-4A3C84E29BF0}" destId="{B61A68F2-97FC-436E-BE6C-5BCE18460BAF}" srcOrd="2" destOrd="0" presId="urn:microsoft.com/office/officeart/2008/layout/LinedList"/>
    <dgm:cxn modelId="{762D7A8E-6D8B-4FF5-91DF-99C64C7BA3B5}" type="presParOf" srcId="{7CF04402-893C-415F-A703-F37DD408BB88}" destId="{6DEDB5BA-AEAE-4600-8973-F4C164C2945E}" srcOrd="11" destOrd="0" presId="urn:microsoft.com/office/officeart/2008/layout/LinedList"/>
    <dgm:cxn modelId="{B6A272F5-0F6F-49B6-9291-55DD05D60C1F}" type="presParOf" srcId="{7CF04402-893C-415F-A703-F37DD408BB88}" destId="{04A63DCB-36C3-4928-ABFC-5E7944A30FCB}" srcOrd="12" destOrd="0" presId="urn:microsoft.com/office/officeart/2008/layout/LinedList"/>
    <dgm:cxn modelId="{472AC3CB-C88F-4245-A4BC-CD6ECF06D5E0}" type="presParOf" srcId="{102FC885-0AE4-47BC-87E5-0D1B4DC10264}" destId="{9AD9F6F9-9F43-4508-BFF5-E946F527C0A2}" srcOrd="2" destOrd="0" presId="urn:microsoft.com/office/officeart/2008/layout/LinedList"/>
    <dgm:cxn modelId="{EA7C31F0-ED5F-4232-99E0-EAD276A58F6A}" type="presParOf" srcId="{102FC885-0AE4-47BC-87E5-0D1B4DC10264}" destId="{79E6FC1E-D560-4927-A9B6-6ED259D7CF66}" srcOrd="3" destOrd="0" presId="urn:microsoft.com/office/officeart/2008/layout/LinedList"/>
    <dgm:cxn modelId="{8B8C1D2E-2D36-4E05-8065-D942338EE385}" type="presParOf" srcId="{79E6FC1E-D560-4927-A9B6-6ED259D7CF66}" destId="{4A0D1DD9-B546-4959-B28B-445F14663997}" srcOrd="0" destOrd="0" presId="urn:microsoft.com/office/officeart/2008/layout/LinedList"/>
    <dgm:cxn modelId="{A00AF9E4-DB61-4B69-8D79-506602E25A62}" type="presParOf" srcId="{79E6FC1E-D560-4927-A9B6-6ED259D7CF66}" destId="{28FD321B-8ADB-4A2C-85FE-7591C0215040}" srcOrd="1" destOrd="0" presId="urn:microsoft.com/office/officeart/2008/layout/LinedList"/>
    <dgm:cxn modelId="{FFC956C7-4755-41C8-A38B-7C59EDB00B3E}" type="presParOf" srcId="{28FD321B-8ADB-4A2C-85FE-7591C0215040}" destId="{5F774089-88B4-4F94-A2CE-7CDB1BA4CE52}" srcOrd="0" destOrd="0" presId="urn:microsoft.com/office/officeart/2008/layout/LinedList"/>
    <dgm:cxn modelId="{6535BCFF-DC1E-44BB-A325-42F5C2CE3C07}" type="presParOf" srcId="{28FD321B-8ADB-4A2C-85FE-7591C0215040}" destId="{F2FFCE90-299B-47CD-BE4E-41F9B3D932FE}" srcOrd="1" destOrd="0" presId="urn:microsoft.com/office/officeart/2008/layout/LinedList"/>
    <dgm:cxn modelId="{25B4E065-7962-4AD0-AF2D-94FCAAA68E1E}" type="presParOf" srcId="{F2FFCE90-299B-47CD-BE4E-41F9B3D932FE}" destId="{BC198617-E5D6-402D-951E-942A02604909}" srcOrd="0" destOrd="0" presId="urn:microsoft.com/office/officeart/2008/layout/LinedList"/>
    <dgm:cxn modelId="{005C505D-024A-4F2E-BC55-F22A5D292DA9}" type="presParOf" srcId="{F2FFCE90-299B-47CD-BE4E-41F9B3D932FE}" destId="{512A7714-A849-4335-AE1A-7EDABD065CC1}" srcOrd="1" destOrd="0" presId="urn:microsoft.com/office/officeart/2008/layout/LinedList"/>
    <dgm:cxn modelId="{0348F802-4026-4FBB-BFA8-8D3772BC524F}" type="presParOf" srcId="{F2FFCE90-299B-47CD-BE4E-41F9B3D932FE}" destId="{BE63D378-87CC-4309-A52D-081B29C0344C}" srcOrd="2" destOrd="0" presId="urn:microsoft.com/office/officeart/2008/layout/LinedList"/>
    <dgm:cxn modelId="{D14004A3-BBD0-4D02-AAC2-089F152888F8}" type="presParOf" srcId="{28FD321B-8ADB-4A2C-85FE-7591C0215040}" destId="{02C39B0D-9676-42F6-862D-060B33527107}" srcOrd="2" destOrd="0" presId="urn:microsoft.com/office/officeart/2008/layout/LinedList"/>
    <dgm:cxn modelId="{86068F2D-0F1C-427A-80E3-656998F6CAE0}" type="presParOf" srcId="{28FD321B-8ADB-4A2C-85FE-7591C0215040}" destId="{2582AD7F-2C42-46BA-B05B-B7E6EB83AC41}" srcOrd="3" destOrd="0" presId="urn:microsoft.com/office/officeart/2008/layout/LinedList"/>
    <dgm:cxn modelId="{E24BD269-7B1E-44E1-A37D-9D69F77B2FBB}" type="presParOf" srcId="{28FD321B-8ADB-4A2C-85FE-7591C0215040}" destId="{66438805-6B46-456C-9F5C-B99C50478B61}" srcOrd="4" destOrd="0" presId="urn:microsoft.com/office/officeart/2008/layout/LinedList"/>
    <dgm:cxn modelId="{2F645816-198D-44B1-A285-CF46907E8458}" type="presParOf" srcId="{66438805-6B46-456C-9F5C-B99C50478B61}" destId="{CD18F6CC-63F3-474E-89C0-2CFCBC39B85F}" srcOrd="0" destOrd="0" presId="urn:microsoft.com/office/officeart/2008/layout/LinedList"/>
    <dgm:cxn modelId="{427115EC-87AA-4677-A330-45CB425F1FCD}" type="presParOf" srcId="{66438805-6B46-456C-9F5C-B99C50478B61}" destId="{92A5E218-15D8-4376-BA02-BCA10382F531}" srcOrd="1" destOrd="0" presId="urn:microsoft.com/office/officeart/2008/layout/LinedList"/>
    <dgm:cxn modelId="{15C5A10F-471F-4029-A6FE-B3F4194D1B62}" type="presParOf" srcId="{66438805-6B46-456C-9F5C-B99C50478B61}" destId="{0887E9AD-B392-474C-8B83-DC029CB670C2}" srcOrd="2" destOrd="0" presId="urn:microsoft.com/office/officeart/2008/layout/LinedList"/>
    <dgm:cxn modelId="{168133C6-631F-466B-9634-47C51CC12586}" type="presParOf" srcId="{28FD321B-8ADB-4A2C-85FE-7591C0215040}" destId="{12878C93-C38B-4B83-9EF5-545F7E2A11C4}" srcOrd="5" destOrd="0" presId="urn:microsoft.com/office/officeart/2008/layout/LinedList"/>
    <dgm:cxn modelId="{4C795C90-3622-41BE-B6C4-AF0E9B1238CE}" type="presParOf" srcId="{28FD321B-8ADB-4A2C-85FE-7591C0215040}" destId="{D2561336-9811-4DD2-B3BE-47E4ED25CFE4}" srcOrd="6" destOrd="0" presId="urn:microsoft.com/office/officeart/2008/layout/LinedList"/>
    <dgm:cxn modelId="{5B5C5B83-4F36-4545-B270-A664ADC04C10}" type="presParOf" srcId="{28FD321B-8ADB-4A2C-85FE-7591C0215040}" destId="{C52E5730-1C5B-46B2-91C1-38BADAF27666}" srcOrd="7" destOrd="0" presId="urn:microsoft.com/office/officeart/2008/layout/LinedList"/>
    <dgm:cxn modelId="{1EEB0DE5-5CC4-4D9D-958B-72068FD896AF}" type="presParOf" srcId="{C52E5730-1C5B-46B2-91C1-38BADAF27666}" destId="{867E3AAA-46E6-45EF-8919-C26C72CF4174}" srcOrd="0" destOrd="0" presId="urn:microsoft.com/office/officeart/2008/layout/LinedList"/>
    <dgm:cxn modelId="{A68C7ACF-9701-4E46-8EC1-F0C208BD519C}" type="presParOf" srcId="{C52E5730-1C5B-46B2-91C1-38BADAF27666}" destId="{C9355FCA-E3F3-4809-B1D4-E839D684D93C}" srcOrd="1" destOrd="0" presId="urn:microsoft.com/office/officeart/2008/layout/LinedList"/>
    <dgm:cxn modelId="{A30B7F35-198F-460E-9FB7-115DEFC13FAC}" type="presParOf" srcId="{C52E5730-1C5B-46B2-91C1-38BADAF27666}" destId="{8A7BC4A6-0BF3-4ECB-926A-FC24ED230B24}" srcOrd="2" destOrd="0" presId="urn:microsoft.com/office/officeart/2008/layout/LinedList"/>
    <dgm:cxn modelId="{0BAF9D15-8BA1-4233-B6E2-447BB4A6E742}" type="presParOf" srcId="{28FD321B-8ADB-4A2C-85FE-7591C0215040}" destId="{5366222D-82C3-4614-AF63-2E9D104E1D4E}" srcOrd="8" destOrd="0" presId="urn:microsoft.com/office/officeart/2008/layout/LinedList"/>
    <dgm:cxn modelId="{DE219C89-4A8A-48CA-A4AE-FBCAB35AF6A9}" type="presParOf" srcId="{28FD321B-8ADB-4A2C-85FE-7591C0215040}" destId="{3D6FFDFF-05E8-44E5-8F91-C5C00688B765}" srcOrd="9" destOrd="0" presId="urn:microsoft.com/office/officeart/2008/layout/LinedList"/>
    <dgm:cxn modelId="{A67610AC-032A-405E-A5F6-2206A9A6AF14}" type="presParOf" srcId="{28FD321B-8ADB-4A2C-85FE-7591C0215040}" destId="{7D2B914E-7954-430D-B0A1-16AE18A425E7}" srcOrd="10" destOrd="0" presId="urn:microsoft.com/office/officeart/2008/layout/LinedList"/>
    <dgm:cxn modelId="{918736A4-40D1-4658-91F8-348A14A7E008}" type="presParOf" srcId="{7D2B914E-7954-430D-B0A1-16AE18A425E7}" destId="{283C55D6-C7F2-4E9B-9BB3-DD4E37F8E563}" srcOrd="0" destOrd="0" presId="urn:microsoft.com/office/officeart/2008/layout/LinedList"/>
    <dgm:cxn modelId="{829F698A-2E76-49EE-82BC-C85963BA7C86}" type="presParOf" srcId="{7D2B914E-7954-430D-B0A1-16AE18A425E7}" destId="{517FBB95-421E-4B67-A8F0-E9DCF7552194}" srcOrd="1" destOrd="0" presId="urn:microsoft.com/office/officeart/2008/layout/LinedList"/>
    <dgm:cxn modelId="{80B16B0E-37C0-4BCF-930F-4A668440C8CE}" type="presParOf" srcId="{7D2B914E-7954-430D-B0A1-16AE18A425E7}" destId="{08BE83EA-BDEE-4F7B-8E61-782C8A0E175F}" srcOrd="2" destOrd="0" presId="urn:microsoft.com/office/officeart/2008/layout/LinedList"/>
    <dgm:cxn modelId="{7DF2AE9A-6445-48B4-924A-7E1B4551D166}" type="presParOf" srcId="{28FD321B-8ADB-4A2C-85FE-7591C0215040}" destId="{4EF2CD2D-2D50-451C-A7FF-04AA42B0DDD4}" srcOrd="11" destOrd="0" presId="urn:microsoft.com/office/officeart/2008/layout/LinedList"/>
    <dgm:cxn modelId="{B6F832A5-9E88-4002-960A-2A0A846C2673}" type="presParOf" srcId="{28FD321B-8ADB-4A2C-85FE-7591C0215040}" destId="{98B47FC7-5630-45F5-A6B1-C7DD9DB414D5}" srcOrd="12" destOrd="0" presId="urn:microsoft.com/office/officeart/2008/layout/LinedList"/>
    <dgm:cxn modelId="{05E2D400-030F-4906-A40B-DEC8286C236A}" type="presParOf" srcId="{102FC885-0AE4-47BC-87E5-0D1B4DC10264}" destId="{3A455798-F2EF-49FA-8C3B-D1F1CE4F76AF}" srcOrd="4" destOrd="0" presId="urn:microsoft.com/office/officeart/2008/layout/LinedList"/>
    <dgm:cxn modelId="{7212EFB7-9DFD-4D61-BCF9-78C28CABCF7E}" type="presParOf" srcId="{102FC885-0AE4-47BC-87E5-0D1B4DC10264}" destId="{19EA6468-D468-406D-A8A2-23D832520C9F}" srcOrd="5" destOrd="0" presId="urn:microsoft.com/office/officeart/2008/layout/LinedList"/>
    <dgm:cxn modelId="{8E862D16-DCC6-4B16-AAE1-565CEB858206}" type="presParOf" srcId="{19EA6468-D468-406D-A8A2-23D832520C9F}" destId="{1567C2B2-FAE3-440B-8E62-90199E545227}" srcOrd="0" destOrd="0" presId="urn:microsoft.com/office/officeart/2008/layout/LinedList"/>
    <dgm:cxn modelId="{1F4BE306-C0F2-48AB-BA8F-0B909446B377}" type="presParOf" srcId="{19EA6468-D468-406D-A8A2-23D832520C9F}" destId="{8D86F310-A49D-4671-BB04-8DE60BB039C7}" srcOrd="1" destOrd="0" presId="urn:microsoft.com/office/officeart/2008/layout/LinedList"/>
    <dgm:cxn modelId="{8C41881C-EB7E-4DA7-97DD-3C0662341688}" type="presParOf" srcId="{8D86F310-A49D-4671-BB04-8DE60BB039C7}" destId="{590EA50E-68B5-469F-9A94-EE1F5E5687EF}" srcOrd="0" destOrd="0" presId="urn:microsoft.com/office/officeart/2008/layout/LinedList"/>
    <dgm:cxn modelId="{A5B2CBF9-38BE-4096-AED2-2AB3CE5924A0}" type="presParOf" srcId="{8D86F310-A49D-4671-BB04-8DE60BB039C7}" destId="{7C062C49-21B1-4B52-8817-2821064A6BFC}" srcOrd="1" destOrd="0" presId="urn:microsoft.com/office/officeart/2008/layout/LinedList"/>
    <dgm:cxn modelId="{12FC44B1-940A-49E5-AF18-39DF4D61FB32}" type="presParOf" srcId="{7C062C49-21B1-4B52-8817-2821064A6BFC}" destId="{F6C80479-5ACD-4648-B85B-A8816F011CD6}" srcOrd="0" destOrd="0" presId="urn:microsoft.com/office/officeart/2008/layout/LinedList"/>
    <dgm:cxn modelId="{7FE0977A-BFFB-4E89-9866-35FFA0925C3B}" type="presParOf" srcId="{7C062C49-21B1-4B52-8817-2821064A6BFC}" destId="{D325D1CC-A8E1-44AE-A148-479E636CB18D}" srcOrd="1" destOrd="0" presId="urn:microsoft.com/office/officeart/2008/layout/LinedList"/>
    <dgm:cxn modelId="{7C15C574-0866-4866-8EE9-0B2DCF8835A0}" type="presParOf" srcId="{7C062C49-21B1-4B52-8817-2821064A6BFC}" destId="{EE277813-3A24-4227-9E46-CAD5E8057C4C}" srcOrd="2" destOrd="0" presId="urn:microsoft.com/office/officeart/2008/layout/LinedList"/>
    <dgm:cxn modelId="{14F5E59D-9D11-4E62-980B-A8374FDDF198}" type="presParOf" srcId="{8D86F310-A49D-4671-BB04-8DE60BB039C7}" destId="{527B4C5D-4F07-4369-9559-C34A202BC165}" srcOrd="2" destOrd="0" presId="urn:microsoft.com/office/officeart/2008/layout/LinedList"/>
    <dgm:cxn modelId="{042F02A0-0248-416A-8609-3B4B30DE6435}" type="presParOf" srcId="{8D86F310-A49D-4671-BB04-8DE60BB039C7}" destId="{7967E21B-29D1-4425-8893-31DCCBE48ACF}" srcOrd="3" destOrd="0" presId="urn:microsoft.com/office/officeart/2008/layout/LinedList"/>
    <dgm:cxn modelId="{A9D758E1-43C4-4098-B4B9-5F9C794DA3D0}" type="presParOf" srcId="{8D86F310-A49D-4671-BB04-8DE60BB039C7}" destId="{9143AFE9-FD09-40F7-9E2D-F16A8201432A}" srcOrd="4" destOrd="0" presId="urn:microsoft.com/office/officeart/2008/layout/LinedList"/>
    <dgm:cxn modelId="{07D90C4C-FE3E-42E1-855A-4DD14E9AD44F}" type="presParOf" srcId="{9143AFE9-FD09-40F7-9E2D-F16A8201432A}" destId="{60951DCC-4EB8-413F-A52A-65E8AD2819AD}" srcOrd="0" destOrd="0" presId="urn:microsoft.com/office/officeart/2008/layout/LinedList"/>
    <dgm:cxn modelId="{CB1B197B-E9AE-49DC-B300-8CEC0EE4269C}" type="presParOf" srcId="{9143AFE9-FD09-40F7-9E2D-F16A8201432A}" destId="{90C32BA8-6CBA-4AD6-889E-2743B81B80D7}" srcOrd="1" destOrd="0" presId="urn:microsoft.com/office/officeart/2008/layout/LinedList"/>
    <dgm:cxn modelId="{38411319-8ADB-4290-8BF7-85EBC59BC899}" type="presParOf" srcId="{9143AFE9-FD09-40F7-9E2D-F16A8201432A}" destId="{C76239E5-A0FB-496E-97AD-0EA21A704F91}" srcOrd="2" destOrd="0" presId="urn:microsoft.com/office/officeart/2008/layout/LinedList"/>
    <dgm:cxn modelId="{1FD7031C-B97E-407F-B8BA-B9D24B9A42A0}" type="presParOf" srcId="{8D86F310-A49D-4671-BB04-8DE60BB039C7}" destId="{6D3B636A-6537-4A22-A0F4-5A280CFC9717}" srcOrd="5" destOrd="0" presId="urn:microsoft.com/office/officeart/2008/layout/LinedList"/>
    <dgm:cxn modelId="{ADDE2980-DC98-4F88-8A5E-9471C568DF41}" type="presParOf" srcId="{8D86F310-A49D-4671-BB04-8DE60BB039C7}" destId="{CA509DC2-BFC6-44D4-B6F8-CCFE63855E68}" srcOrd="6" destOrd="0" presId="urn:microsoft.com/office/officeart/2008/layout/LinedList"/>
    <dgm:cxn modelId="{2FEA0970-B099-48CD-A8FD-BAEAFCFF520C}" type="presParOf" srcId="{8D86F310-A49D-4671-BB04-8DE60BB039C7}" destId="{BAB7F287-0342-48C0-9F13-193BDFC54237}" srcOrd="7" destOrd="0" presId="urn:microsoft.com/office/officeart/2008/layout/LinedList"/>
    <dgm:cxn modelId="{9569CB1E-71F3-4CDD-8E4E-D88D9F756A96}" type="presParOf" srcId="{BAB7F287-0342-48C0-9F13-193BDFC54237}" destId="{BEB5EB21-A787-4145-9BAD-10F665D7D117}" srcOrd="0" destOrd="0" presId="urn:microsoft.com/office/officeart/2008/layout/LinedList"/>
    <dgm:cxn modelId="{2DB66F34-7E03-4140-B624-A23373D37E4F}" type="presParOf" srcId="{BAB7F287-0342-48C0-9F13-193BDFC54237}" destId="{5B3B1659-5D53-4B3A-ABBB-1DC6C6A6CAEC}" srcOrd="1" destOrd="0" presId="urn:microsoft.com/office/officeart/2008/layout/LinedList"/>
    <dgm:cxn modelId="{9CF28258-7863-40C8-BDDB-E8C6657AF97A}" type="presParOf" srcId="{BAB7F287-0342-48C0-9F13-193BDFC54237}" destId="{E59DF461-5B64-4E6A-964C-8605F5AF8824}" srcOrd="2" destOrd="0" presId="urn:microsoft.com/office/officeart/2008/layout/LinedList"/>
    <dgm:cxn modelId="{D96E4E96-7413-4AA4-8189-3DC73092CEDF}" type="presParOf" srcId="{8D86F310-A49D-4671-BB04-8DE60BB039C7}" destId="{D19E7E92-5731-48D4-9714-0CFE037FAAD6}" srcOrd="8" destOrd="0" presId="urn:microsoft.com/office/officeart/2008/layout/LinedList"/>
    <dgm:cxn modelId="{38575FDC-115C-444A-B38F-07E17A21F4E0}" type="presParOf" srcId="{8D86F310-A49D-4671-BB04-8DE60BB039C7}" destId="{FB0DA6DA-78E0-475A-9E07-70F97EB4EFE4}" srcOrd="9" destOrd="0" presId="urn:microsoft.com/office/officeart/2008/layout/LinedList"/>
    <dgm:cxn modelId="{F94E1EE1-D7D4-4D51-8472-196B45777DD8}" type="presParOf" srcId="{8D86F310-A49D-4671-BB04-8DE60BB039C7}" destId="{C3FF6842-C2A4-44E8-815E-A5540139519E}" srcOrd="10" destOrd="0" presId="urn:microsoft.com/office/officeart/2008/layout/LinedList"/>
    <dgm:cxn modelId="{8AF8A1BA-FF93-4AB7-9A26-E0E5945B224C}" type="presParOf" srcId="{C3FF6842-C2A4-44E8-815E-A5540139519E}" destId="{894DD4AF-EA9E-469E-ABCF-D5B2AA78CD3E}" srcOrd="0" destOrd="0" presId="urn:microsoft.com/office/officeart/2008/layout/LinedList"/>
    <dgm:cxn modelId="{D4766D86-C75F-47AB-B8D0-00C3B0F09835}" type="presParOf" srcId="{C3FF6842-C2A4-44E8-815E-A5540139519E}" destId="{6A8C9150-0B12-4700-95A0-7741D879ECF4}" srcOrd="1" destOrd="0" presId="urn:microsoft.com/office/officeart/2008/layout/LinedList"/>
    <dgm:cxn modelId="{3B3CC75A-7D80-4472-A297-7B07B8F179C2}" type="presParOf" srcId="{C3FF6842-C2A4-44E8-815E-A5540139519E}" destId="{B775A59B-C50D-4404-8F31-64E44603DE01}" srcOrd="2" destOrd="0" presId="urn:microsoft.com/office/officeart/2008/layout/LinedList"/>
    <dgm:cxn modelId="{C044CEDA-BBDA-4693-B9FF-4B21C6309B0E}" type="presParOf" srcId="{8D86F310-A49D-4671-BB04-8DE60BB039C7}" destId="{A53B5702-8360-481D-89C8-F7F5DC539E9F}" srcOrd="11" destOrd="0" presId="urn:microsoft.com/office/officeart/2008/layout/LinedList"/>
    <dgm:cxn modelId="{1606DC2F-DE2E-4071-85CC-B930F320007A}" type="presParOf" srcId="{8D86F310-A49D-4671-BB04-8DE60BB039C7}" destId="{5A2732A1-DDD1-4A0F-9A95-CFCDFAA11F6B}" srcOrd="12" destOrd="0" presId="urn:microsoft.com/office/officeart/2008/layout/LinedList"/>
    <dgm:cxn modelId="{8BCC1DA2-39D8-4181-B13A-077EF760AEA4}" type="presParOf" srcId="{8D86F310-A49D-4671-BB04-8DE60BB039C7}" destId="{850B9D47-738C-4DA7-8E2D-B5C87F2A1B09}" srcOrd="13" destOrd="0" presId="urn:microsoft.com/office/officeart/2008/layout/LinedList"/>
    <dgm:cxn modelId="{CA175B81-4C20-4409-A579-F0BB6FCE3EF0}" type="presParOf" srcId="{850B9D47-738C-4DA7-8E2D-B5C87F2A1B09}" destId="{0D660173-91FC-4758-88F9-DE723CA1491A}" srcOrd="0" destOrd="0" presId="urn:microsoft.com/office/officeart/2008/layout/LinedList"/>
    <dgm:cxn modelId="{99EAFD3D-66E2-412F-B05F-FFAE1706DD97}" type="presParOf" srcId="{850B9D47-738C-4DA7-8E2D-B5C87F2A1B09}" destId="{0A1DD86C-8C0D-4E8D-B815-1032F9BDEB02}" srcOrd="1" destOrd="0" presId="urn:microsoft.com/office/officeart/2008/layout/LinedList"/>
    <dgm:cxn modelId="{D8178876-B9FF-4084-B1BB-EA90602B2E66}" type="presParOf" srcId="{850B9D47-738C-4DA7-8E2D-B5C87F2A1B09}" destId="{3912ED26-9021-45A7-9005-CBD76DF814B4}" srcOrd="2" destOrd="0" presId="urn:microsoft.com/office/officeart/2008/layout/LinedList"/>
    <dgm:cxn modelId="{F4780230-212C-4B90-96C7-8658981E6377}" type="presParOf" srcId="{8D86F310-A49D-4671-BB04-8DE60BB039C7}" destId="{3FAAD652-D2A0-4A73-A2A1-62B0BBCEF917}" srcOrd="14" destOrd="0" presId="urn:microsoft.com/office/officeart/2008/layout/LinedList"/>
    <dgm:cxn modelId="{0D7AA438-E82A-4227-8433-4ED2D31C2EE9}" type="presParOf" srcId="{8D86F310-A49D-4671-BB04-8DE60BB039C7}" destId="{D3BF85B2-272B-4171-A89E-87A00B8021EA}" srcOrd="15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A2379DA5-8473-4B8A-875D-986241F27D88}" type="doc">
      <dgm:prSet loTypeId="urn:microsoft.com/office/officeart/2005/8/layout/list1" loCatId="list" qsTypeId="urn:microsoft.com/office/officeart/2005/8/quickstyle/simple2" qsCatId="simple" csTypeId="urn:microsoft.com/office/officeart/2005/8/colors/accent5_1" csCatId="accent5" phldr="1"/>
      <dgm:spPr/>
      <dgm:t>
        <a:bodyPr/>
        <a:lstStyle/>
        <a:p>
          <a:endParaRPr lang="en-US"/>
        </a:p>
      </dgm:t>
    </dgm:pt>
    <dgm:pt modelId="{5DF89DA1-4EDA-48DA-9658-8278FA67A903}">
      <dgm:prSet phldrT="[Text]" custT="1"/>
      <dgm:spPr/>
      <dgm:t>
        <a:bodyPr/>
        <a:lstStyle/>
        <a:p>
          <a:r>
            <a:rPr lang="en-US" sz="1200" b="1" dirty="0">
              <a:solidFill>
                <a:schemeClr val="bg2">
                  <a:lumMod val="50000"/>
                </a:schemeClr>
              </a:solidFill>
            </a:rPr>
            <a:t>Multiclass Fraud Detection</a:t>
          </a:r>
          <a:endParaRPr lang="en-US" sz="1200" dirty="0">
            <a:solidFill>
              <a:schemeClr val="bg2">
                <a:lumMod val="50000"/>
              </a:schemeClr>
            </a:solidFill>
          </a:endParaRPr>
        </a:p>
      </dgm:t>
    </dgm:pt>
    <dgm:pt modelId="{DCAD10EC-F8D9-4114-9C66-1DD1309A49AC}" type="parTrans" cxnId="{80622B6E-A04A-4F2E-BA20-0B705D5D561C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7CAD0F66-8C82-4B36-B07B-9CE6776253CF}" type="sibTrans" cxnId="{80622B6E-A04A-4F2E-BA20-0B705D5D561C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6F9820D3-4CF4-4FCF-96CE-7B8D267877F9}">
      <dgm:prSet phldrT="[Text]"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Class Imbalance:</a:t>
          </a:r>
          <a:r>
            <a:rPr lang="en-US" sz="1100" b="0" dirty="0">
              <a:solidFill>
                <a:schemeClr val="bg2">
                  <a:lumMod val="50000"/>
                </a:schemeClr>
              </a:solidFill>
            </a:rPr>
            <a:t> few fraud cases for some infraction types.</a:t>
          </a:r>
        </a:p>
      </dgm:t>
    </dgm:pt>
    <dgm:pt modelId="{4761D1E6-0A91-43B9-93F2-1D209E409D22}" type="parTrans" cxnId="{025892D6-35CE-4710-B280-4E75B8A75457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4BEFAB25-E405-483A-931C-E41465E1905F}" type="sibTrans" cxnId="{025892D6-35CE-4710-B280-4E75B8A75457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7698525A-840D-4681-BDC3-65161A2EA3E8}">
      <dgm:prSet phldrT="[Text]" custT="1"/>
      <dgm:spPr/>
      <dgm:t>
        <a:bodyPr/>
        <a:lstStyle/>
        <a:p>
          <a:r>
            <a:rPr lang="en-US" sz="1200" b="1" dirty="0">
              <a:solidFill>
                <a:schemeClr val="bg2">
                  <a:lumMod val="50000"/>
                </a:schemeClr>
              </a:solidFill>
            </a:rPr>
            <a:t>Legal and Ethical Concerns</a:t>
          </a:r>
          <a:endParaRPr lang="en-US" sz="1200" dirty="0">
            <a:solidFill>
              <a:schemeClr val="bg2">
                <a:lumMod val="50000"/>
              </a:schemeClr>
            </a:solidFill>
          </a:endParaRPr>
        </a:p>
      </dgm:t>
    </dgm:pt>
    <dgm:pt modelId="{EE841B74-C6C9-41A5-8FCA-FBA72326CE62}" type="parTrans" cxnId="{349409CB-DF3D-427F-ABCB-4501AEE71165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A5EF0F8E-2824-4770-A771-37CE11D79991}" type="sibTrans" cxnId="{349409CB-DF3D-427F-ABCB-4501AEE71165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332777E4-4247-479A-BF61-0849E61B3AF1}">
      <dgm:prSet phldrT="[Text]"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Legal Implications: </a:t>
          </a:r>
          <a:r>
            <a:rPr lang="en-US" sz="1100" b="0" dirty="0">
              <a:solidFill>
                <a:schemeClr val="bg2">
                  <a:lumMod val="50000"/>
                </a:schemeClr>
              </a:solidFill>
            </a:rPr>
            <a:t>No legal or regulatory changes were consider so far.</a:t>
          </a:r>
          <a:endParaRPr lang="en-US" sz="1100" dirty="0">
            <a:solidFill>
              <a:schemeClr val="bg2">
                <a:lumMod val="50000"/>
              </a:schemeClr>
            </a:solidFill>
          </a:endParaRPr>
        </a:p>
      </dgm:t>
    </dgm:pt>
    <dgm:pt modelId="{B1A96B3A-2366-47F0-9189-4CC0AE326EA3}" type="parTrans" cxnId="{65702F1B-9F9F-43C1-BC6C-E9C91B4B41C4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D65A1A75-89DA-4586-A3C1-F092F0D37B17}" type="sibTrans" cxnId="{65702F1B-9F9F-43C1-BC6C-E9C91B4B41C4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42D39708-B109-4C95-92C0-BB7FED721D61}">
      <dgm:prSet custT="1"/>
      <dgm:spPr/>
      <dgm:t>
        <a:bodyPr/>
        <a:lstStyle/>
        <a:p>
          <a:r>
            <a:rPr lang="en-US" sz="1200" b="1" dirty="0">
              <a:solidFill>
                <a:schemeClr val="bg2">
                  <a:lumMod val="50000"/>
                </a:schemeClr>
              </a:solidFill>
            </a:rPr>
            <a:t>Dynamic Nature of Fraud Patterns</a:t>
          </a:r>
          <a:endParaRPr lang="en-US" sz="1200" dirty="0">
            <a:solidFill>
              <a:schemeClr val="bg2">
                <a:lumMod val="50000"/>
              </a:schemeClr>
            </a:solidFill>
          </a:endParaRPr>
        </a:p>
      </dgm:t>
    </dgm:pt>
    <dgm:pt modelId="{B1E9293C-BC8B-463A-A73E-6934EB4091D6}" type="parTrans" cxnId="{F2C918B8-4428-42C5-8393-54FD50F1B68B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216A8738-D398-4739-8710-ADDD7C2E1CAA}" type="sibTrans" cxnId="{F2C918B8-4428-42C5-8393-54FD50F1B68B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F304EB45-D278-46EE-9374-A546BF699BA7}">
      <dgm:prSet custT="1"/>
      <dgm:spPr/>
      <dgm:t>
        <a:bodyPr/>
        <a:lstStyle/>
        <a:p>
          <a:r>
            <a:rPr lang="en-US" sz="1200" b="1" dirty="0">
              <a:solidFill>
                <a:schemeClr val="bg2">
                  <a:lumMod val="50000"/>
                </a:schemeClr>
              </a:solidFill>
            </a:rPr>
            <a:t>Costs and Resource Requirements</a:t>
          </a:r>
          <a:endParaRPr lang="en-US" sz="1200" dirty="0">
            <a:solidFill>
              <a:schemeClr val="bg2">
                <a:lumMod val="50000"/>
              </a:schemeClr>
            </a:solidFill>
          </a:endParaRPr>
        </a:p>
      </dgm:t>
    </dgm:pt>
    <dgm:pt modelId="{637CCF3E-9EB7-4E0D-BFD9-930C71A76045}" type="parTrans" cxnId="{B2C3757B-3E10-4243-8E91-80E3F9B92B81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1BC33109-B327-45B1-A595-728918E2088C}" type="sibTrans" cxnId="{B2C3757B-3E10-4243-8E91-80E3F9B92B81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C6A35E4E-94EE-4AF8-BE15-2D0590A3EC88}">
      <dgm:prSet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Seasonal Variations:</a:t>
          </a:r>
          <a:r>
            <a:rPr lang="en-US" sz="1100" dirty="0">
              <a:solidFill>
                <a:schemeClr val="bg2">
                  <a:lumMod val="50000"/>
                </a:schemeClr>
              </a:solidFill>
            </a:rPr>
            <a:t> Fraud patterns may vary seasonally or due to external factors, and the model is not account for such variations.</a:t>
          </a:r>
        </a:p>
      </dgm:t>
    </dgm:pt>
    <dgm:pt modelId="{F6461656-47AD-4E1D-8A42-631329F60856}" type="parTrans" cxnId="{EAE7CE1B-5571-487E-B018-56489EA8859C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10A527CC-F932-4B58-AA70-E45FB384841D}" type="sibTrans" cxnId="{EAE7CE1B-5571-487E-B018-56489EA8859C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C0F4FA66-4DF2-4E23-836C-B909C406CDC2}">
      <dgm:prSet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Skill Intensive:</a:t>
          </a:r>
          <a:r>
            <a:rPr lang="en-US" sz="1100" dirty="0">
              <a:solidFill>
                <a:schemeClr val="bg2">
                  <a:lumMod val="50000"/>
                </a:schemeClr>
              </a:solidFill>
            </a:rPr>
            <a:t> Personnel knowledgeable in Data Analytics are required or external staff should be recruited.</a:t>
          </a:r>
        </a:p>
      </dgm:t>
    </dgm:pt>
    <dgm:pt modelId="{53DD73A0-6087-47A2-820D-3B71EF0F9448}" type="parTrans" cxnId="{FE62DA68-B617-49DF-8982-62934E58EC44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E7B0FBB2-8844-48AD-A757-DB7389E222C0}" type="sibTrans" cxnId="{FE62DA68-B617-49DF-8982-62934E58EC44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6644D802-26A6-47B7-B58A-291266734950}">
      <dgm:prSet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Cost of False Positives:</a:t>
          </a:r>
          <a:r>
            <a:rPr lang="en-US" sz="1100" dirty="0">
              <a:solidFill>
                <a:schemeClr val="bg2">
                  <a:lumMod val="50000"/>
                </a:schemeClr>
              </a:solidFill>
            </a:rPr>
            <a:t> The cost of investigating and resolving false positives may be high, impacting the overall cost-effectiveness of the model.</a:t>
          </a:r>
        </a:p>
      </dgm:t>
    </dgm:pt>
    <dgm:pt modelId="{E07F60E5-4459-4D0D-9ED3-0934DACC5750}" type="parTrans" cxnId="{D034FE39-6AAB-481F-94F4-7E539DA77565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7D6279ED-7DCA-40DD-9B3A-F18CB95FFA16}" type="sibTrans" cxnId="{D034FE39-6AAB-481F-94F4-7E539DA77565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52A10824-DB8A-4CE0-B489-717AD271518C}">
      <dgm:prSet phldrT="[Text]"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Interpretation of the infraction types </a:t>
          </a:r>
          <a:r>
            <a:rPr lang="en-US" sz="1100" dirty="0">
              <a:solidFill>
                <a:schemeClr val="bg2">
                  <a:lumMod val="50000"/>
                </a:schemeClr>
              </a:solidFill>
            </a:rPr>
            <a:t>during the data entry of a inspection result.</a:t>
          </a:r>
        </a:p>
      </dgm:t>
    </dgm:pt>
    <dgm:pt modelId="{6ACD40F8-4678-4FEB-AAC5-86852D70F0A3}" type="parTrans" cxnId="{C104EAD1-3B39-417E-AEC0-B5B2C25BE749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801142AB-5F43-4AF4-9FDC-C6C136FAAB62}" type="sibTrans" cxnId="{C104EAD1-3B39-417E-AEC0-B5B2C25BE749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E3EB8CEE-53D9-490D-8E05-3048D64101DD}">
      <dgm:prSet phldrT="[Text]"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Privacy Issues: </a:t>
          </a:r>
          <a:r>
            <a:rPr lang="en-US" sz="1100" dirty="0">
              <a:solidFill>
                <a:schemeClr val="bg2">
                  <a:lumMod val="50000"/>
                </a:schemeClr>
              </a:solidFill>
            </a:rPr>
            <a:t>The use of AI in cargo inspection raises serious privacy concerns, if external servers are used in the deployment stages.</a:t>
          </a:r>
          <a:endParaRPr lang="en-US" sz="1100" b="0" dirty="0">
            <a:solidFill>
              <a:schemeClr val="bg2">
                <a:lumMod val="50000"/>
              </a:schemeClr>
            </a:solidFill>
          </a:endParaRPr>
        </a:p>
      </dgm:t>
    </dgm:pt>
    <dgm:pt modelId="{0912496B-1ED5-44CE-92F9-A7DCD4F81C4B}" type="parTrans" cxnId="{62FF0002-0C6C-4B55-9EB2-ABEDB0BD57BE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7C02BF62-FB7C-47B1-9313-C349CB99D071}" type="sibTrans" cxnId="{62FF0002-0C6C-4B55-9EB2-ABEDB0BD57BE}">
      <dgm:prSet/>
      <dgm:spPr/>
      <dgm:t>
        <a:bodyPr/>
        <a:lstStyle/>
        <a:p>
          <a:endParaRPr lang="en-US" sz="1100">
            <a:solidFill>
              <a:schemeClr val="bg2">
                <a:lumMod val="50000"/>
              </a:schemeClr>
            </a:solidFill>
          </a:endParaRPr>
        </a:p>
      </dgm:t>
    </dgm:pt>
    <dgm:pt modelId="{A9D633E8-C624-40D6-A4E3-7CBC70692C1E}" type="pres">
      <dgm:prSet presAssocID="{A2379DA5-8473-4B8A-875D-986241F27D88}" presName="linear" presStyleCnt="0">
        <dgm:presLayoutVars>
          <dgm:dir/>
          <dgm:animLvl val="lvl"/>
          <dgm:resizeHandles val="exact"/>
        </dgm:presLayoutVars>
      </dgm:prSet>
      <dgm:spPr/>
    </dgm:pt>
    <dgm:pt modelId="{A116CD10-386C-4E54-822A-C08AE3EBF658}" type="pres">
      <dgm:prSet presAssocID="{5DF89DA1-4EDA-48DA-9658-8278FA67A903}" presName="parentLin" presStyleCnt="0"/>
      <dgm:spPr/>
    </dgm:pt>
    <dgm:pt modelId="{21134CE0-3839-47DD-8F6D-F65971B9BBC2}" type="pres">
      <dgm:prSet presAssocID="{5DF89DA1-4EDA-48DA-9658-8278FA67A903}" presName="parentLeftMargin" presStyleLbl="node1" presStyleIdx="0" presStyleCnt="4"/>
      <dgm:spPr/>
    </dgm:pt>
    <dgm:pt modelId="{ACC34C16-A96A-4202-99B9-76722E2FAA08}" type="pres">
      <dgm:prSet presAssocID="{5DF89DA1-4EDA-48DA-9658-8278FA67A903}" presName="parentText" presStyleLbl="node1" presStyleIdx="0" presStyleCnt="4">
        <dgm:presLayoutVars>
          <dgm:chMax val="0"/>
          <dgm:bulletEnabled val="1"/>
        </dgm:presLayoutVars>
      </dgm:prSet>
      <dgm:spPr/>
    </dgm:pt>
    <dgm:pt modelId="{4B2C2E6D-257E-4D3D-BB0A-72AF18F7D220}" type="pres">
      <dgm:prSet presAssocID="{5DF89DA1-4EDA-48DA-9658-8278FA67A903}" presName="negativeSpace" presStyleCnt="0"/>
      <dgm:spPr/>
    </dgm:pt>
    <dgm:pt modelId="{45E68749-7EEF-455B-BCE9-3364BD762DE3}" type="pres">
      <dgm:prSet presAssocID="{5DF89DA1-4EDA-48DA-9658-8278FA67A903}" presName="childText" presStyleLbl="conFgAcc1" presStyleIdx="0" presStyleCnt="4">
        <dgm:presLayoutVars>
          <dgm:bulletEnabled val="1"/>
        </dgm:presLayoutVars>
      </dgm:prSet>
      <dgm:spPr/>
    </dgm:pt>
    <dgm:pt modelId="{0E8B987B-187F-494D-A988-C2153F5DCD2E}" type="pres">
      <dgm:prSet presAssocID="{7CAD0F66-8C82-4B36-B07B-9CE6776253CF}" presName="spaceBetweenRectangles" presStyleCnt="0"/>
      <dgm:spPr/>
    </dgm:pt>
    <dgm:pt modelId="{F8F77BDA-C871-4160-A358-BAA983BD9E97}" type="pres">
      <dgm:prSet presAssocID="{42D39708-B109-4C95-92C0-BB7FED721D61}" presName="parentLin" presStyleCnt="0"/>
      <dgm:spPr/>
    </dgm:pt>
    <dgm:pt modelId="{64761C11-B680-4E36-9C6C-85CB3B2F2211}" type="pres">
      <dgm:prSet presAssocID="{42D39708-B109-4C95-92C0-BB7FED721D61}" presName="parentLeftMargin" presStyleLbl="node1" presStyleIdx="0" presStyleCnt="4"/>
      <dgm:spPr/>
    </dgm:pt>
    <dgm:pt modelId="{3927B4E5-4921-414E-9C20-426C058F1CDD}" type="pres">
      <dgm:prSet presAssocID="{42D39708-B109-4C95-92C0-BB7FED721D61}" presName="parentText" presStyleLbl="node1" presStyleIdx="1" presStyleCnt="4">
        <dgm:presLayoutVars>
          <dgm:chMax val="0"/>
          <dgm:bulletEnabled val="1"/>
        </dgm:presLayoutVars>
      </dgm:prSet>
      <dgm:spPr/>
    </dgm:pt>
    <dgm:pt modelId="{13E3892A-F024-480B-A210-54F27DB9992B}" type="pres">
      <dgm:prSet presAssocID="{42D39708-B109-4C95-92C0-BB7FED721D61}" presName="negativeSpace" presStyleCnt="0"/>
      <dgm:spPr/>
    </dgm:pt>
    <dgm:pt modelId="{08DBC424-4BC4-4465-9221-A23AEE3D3530}" type="pres">
      <dgm:prSet presAssocID="{42D39708-B109-4C95-92C0-BB7FED721D61}" presName="childText" presStyleLbl="conFgAcc1" presStyleIdx="1" presStyleCnt="4">
        <dgm:presLayoutVars>
          <dgm:bulletEnabled val="1"/>
        </dgm:presLayoutVars>
      </dgm:prSet>
      <dgm:spPr/>
    </dgm:pt>
    <dgm:pt modelId="{CE2AC9AC-5414-475F-8F2F-CAECEFF6AC95}" type="pres">
      <dgm:prSet presAssocID="{216A8738-D398-4739-8710-ADDD7C2E1CAA}" presName="spaceBetweenRectangles" presStyleCnt="0"/>
      <dgm:spPr/>
    </dgm:pt>
    <dgm:pt modelId="{04E42427-0507-498D-BD77-199B6567CD40}" type="pres">
      <dgm:prSet presAssocID="{7698525A-840D-4681-BDC3-65161A2EA3E8}" presName="parentLin" presStyleCnt="0"/>
      <dgm:spPr/>
    </dgm:pt>
    <dgm:pt modelId="{32647888-86E3-4701-A555-13869C438FAB}" type="pres">
      <dgm:prSet presAssocID="{7698525A-840D-4681-BDC3-65161A2EA3E8}" presName="parentLeftMargin" presStyleLbl="node1" presStyleIdx="1" presStyleCnt="4"/>
      <dgm:spPr/>
    </dgm:pt>
    <dgm:pt modelId="{B7A9DA6D-7A3E-4A07-8BE5-7B57365B6F99}" type="pres">
      <dgm:prSet presAssocID="{7698525A-840D-4681-BDC3-65161A2EA3E8}" presName="parentText" presStyleLbl="node1" presStyleIdx="2" presStyleCnt="4">
        <dgm:presLayoutVars>
          <dgm:chMax val="0"/>
          <dgm:bulletEnabled val="1"/>
        </dgm:presLayoutVars>
      </dgm:prSet>
      <dgm:spPr/>
    </dgm:pt>
    <dgm:pt modelId="{86E7C01F-96AC-4AA2-BB3F-BD5B782F19BE}" type="pres">
      <dgm:prSet presAssocID="{7698525A-840D-4681-BDC3-65161A2EA3E8}" presName="negativeSpace" presStyleCnt="0"/>
      <dgm:spPr/>
    </dgm:pt>
    <dgm:pt modelId="{F599E6FF-AB21-49F5-AA11-DD6B94747286}" type="pres">
      <dgm:prSet presAssocID="{7698525A-840D-4681-BDC3-65161A2EA3E8}" presName="childText" presStyleLbl="conFgAcc1" presStyleIdx="2" presStyleCnt="4">
        <dgm:presLayoutVars>
          <dgm:bulletEnabled val="1"/>
        </dgm:presLayoutVars>
      </dgm:prSet>
      <dgm:spPr/>
    </dgm:pt>
    <dgm:pt modelId="{2D71AAA3-EE49-4739-937B-EDE6B19D7B39}" type="pres">
      <dgm:prSet presAssocID="{A5EF0F8E-2824-4770-A771-37CE11D79991}" presName="spaceBetweenRectangles" presStyleCnt="0"/>
      <dgm:spPr/>
    </dgm:pt>
    <dgm:pt modelId="{5F0387E9-155D-4CD2-9E21-27CF8A46C7C6}" type="pres">
      <dgm:prSet presAssocID="{F304EB45-D278-46EE-9374-A546BF699BA7}" presName="parentLin" presStyleCnt="0"/>
      <dgm:spPr/>
    </dgm:pt>
    <dgm:pt modelId="{9E6EA908-E4D4-47A7-BFB7-2C1843B38CA4}" type="pres">
      <dgm:prSet presAssocID="{F304EB45-D278-46EE-9374-A546BF699BA7}" presName="parentLeftMargin" presStyleLbl="node1" presStyleIdx="2" presStyleCnt="4"/>
      <dgm:spPr/>
    </dgm:pt>
    <dgm:pt modelId="{B02022B2-16B9-477C-A904-526E49BC838C}" type="pres">
      <dgm:prSet presAssocID="{F304EB45-D278-46EE-9374-A546BF699BA7}" presName="parentText" presStyleLbl="node1" presStyleIdx="3" presStyleCnt="4">
        <dgm:presLayoutVars>
          <dgm:chMax val="0"/>
          <dgm:bulletEnabled val="1"/>
        </dgm:presLayoutVars>
      </dgm:prSet>
      <dgm:spPr/>
    </dgm:pt>
    <dgm:pt modelId="{E60142D8-045C-40E1-9149-7EED6F76BD5E}" type="pres">
      <dgm:prSet presAssocID="{F304EB45-D278-46EE-9374-A546BF699BA7}" presName="negativeSpace" presStyleCnt="0"/>
      <dgm:spPr/>
    </dgm:pt>
    <dgm:pt modelId="{898CDC04-6DDB-48B4-888C-2DB264777562}" type="pres">
      <dgm:prSet presAssocID="{F304EB45-D278-46EE-9374-A546BF699BA7}" presName="childText" presStyleLbl="conFgAcc1" presStyleIdx="3" presStyleCnt="4">
        <dgm:presLayoutVars>
          <dgm:bulletEnabled val="1"/>
        </dgm:presLayoutVars>
      </dgm:prSet>
      <dgm:spPr/>
    </dgm:pt>
  </dgm:ptLst>
  <dgm:cxnLst>
    <dgm:cxn modelId="{62FF0002-0C6C-4B55-9EB2-ABEDB0BD57BE}" srcId="{7698525A-840D-4681-BDC3-65161A2EA3E8}" destId="{E3EB8CEE-53D9-490D-8E05-3048D64101DD}" srcOrd="1" destOrd="0" parTransId="{0912496B-1ED5-44CE-92F9-A7DCD4F81C4B}" sibTransId="{7C02BF62-FB7C-47B1-9313-C349CB99D071}"/>
    <dgm:cxn modelId="{50E4C306-ED9F-43A0-99A2-FA9B7ABB6BEB}" type="presOf" srcId="{C0F4FA66-4DF2-4E23-836C-B909C406CDC2}" destId="{898CDC04-6DDB-48B4-888C-2DB264777562}" srcOrd="0" destOrd="0" presId="urn:microsoft.com/office/officeart/2005/8/layout/list1"/>
    <dgm:cxn modelId="{65702F1B-9F9F-43C1-BC6C-E9C91B4B41C4}" srcId="{7698525A-840D-4681-BDC3-65161A2EA3E8}" destId="{332777E4-4247-479A-BF61-0849E61B3AF1}" srcOrd="0" destOrd="0" parTransId="{B1A96B3A-2366-47F0-9189-4CC0AE326EA3}" sibTransId="{D65A1A75-89DA-4586-A3C1-F092F0D37B17}"/>
    <dgm:cxn modelId="{EAE7CE1B-5571-487E-B018-56489EA8859C}" srcId="{42D39708-B109-4C95-92C0-BB7FED721D61}" destId="{C6A35E4E-94EE-4AF8-BE15-2D0590A3EC88}" srcOrd="0" destOrd="0" parTransId="{F6461656-47AD-4E1D-8A42-631329F60856}" sibTransId="{10A527CC-F932-4B58-AA70-E45FB384841D}"/>
    <dgm:cxn modelId="{C7A7BE36-A87C-417C-B5EF-98A13551E58E}" type="presOf" srcId="{F304EB45-D278-46EE-9374-A546BF699BA7}" destId="{9E6EA908-E4D4-47A7-BFB7-2C1843B38CA4}" srcOrd="0" destOrd="0" presId="urn:microsoft.com/office/officeart/2005/8/layout/list1"/>
    <dgm:cxn modelId="{D034FE39-6AAB-481F-94F4-7E539DA77565}" srcId="{F304EB45-D278-46EE-9374-A546BF699BA7}" destId="{6644D802-26A6-47B7-B58A-291266734950}" srcOrd="1" destOrd="0" parTransId="{E07F60E5-4459-4D0D-9ED3-0934DACC5750}" sibTransId="{7D6279ED-7DCA-40DD-9B3A-F18CB95FFA16}"/>
    <dgm:cxn modelId="{6F792F3C-6DFA-4CA0-98F9-BDA32A03D216}" type="presOf" srcId="{42D39708-B109-4C95-92C0-BB7FED721D61}" destId="{64761C11-B680-4E36-9C6C-85CB3B2F2211}" srcOrd="0" destOrd="0" presId="urn:microsoft.com/office/officeart/2005/8/layout/list1"/>
    <dgm:cxn modelId="{DF4B873D-7C66-494C-AD0B-57D07C701BF3}" type="presOf" srcId="{52A10824-DB8A-4CE0-B489-717AD271518C}" destId="{45E68749-7EEF-455B-BCE9-3364BD762DE3}" srcOrd="0" destOrd="1" presId="urn:microsoft.com/office/officeart/2005/8/layout/list1"/>
    <dgm:cxn modelId="{AF42185C-4C41-4CBD-967A-25507D4410AF}" type="presOf" srcId="{42D39708-B109-4C95-92C0-BB7FED721D61}" destId="{3927B4E5-4921-414E-9C20-426C058F1CDD}" srcOrd="1" destOrd="0" presId="urn:microsoft.com/office/officeart/2005/8/layout/list1"/>
    <dgm:cxn modelId="{10EE965D-8C15-4A07-BC3A-89989FD26396}" type="presOf" srcId="{7698525A-840D-4681-BDC3-65161A2EA3E8}" destId="{32647888-86E3-4701-A555-13869C438FAB}" srcOrd="0" destOrd="0" presId="urn:microsoft.com/office/officeart/2005/8/layout/list1"/>
    <dgm:cxn modelId="{206F315F-F4D3-48B0-926F-948E62A47FB9}" type="presOf" srcId="{F304EB45-D278-46EE-9374-A546BF699BA7}" destId="{B02022B2-16B9-477C-A904-526E49BC838C}" srcOrd="1" destOrd="0" presId="urn:microsoft.com/office/officeart/2005/8/layout/list1"/>
    <dgm:cxn modelId="{FE62DA68-B617-49DF-8982-62934E58EC44}" srcId="{F304EB45-D278-46EE-9374-A546BF699BA7}" destId="{C0F4FA66-4DF2-4E23-836C-B909C406CDC2}" srcOrd="0" destOrd="0" parTransId="{53DD73A0-6087-47A2-820D-3B71EF0F9448}" sibTransId="{E7B0FBB2-8844-48AD-A757-DB7389E222C0}"/>
    <dgm:cxn modelId="{BB2F0449-CF56-471D-B36F-2D813594379D}" type="presOf" srcId="{6644D802-26A6-47B7-B58A-291266734950}" destId="{898CDC04-6DDB-48B4-888C-2DB264777562}" srcOrd="0" destOrd="1" presId="urn:microsoft.com/office/officeart/2005/8/layout/list1"/>
    <dgm:cxn modelId="{80622B6E-A04A-4F2E-BA20-0B705D5D561C}" srcId="{A2379DA5-8473-4B8A-875D-986241F27D88}" destId="{5DF89DA1-4EDA-48DA-9658-8278FA67A903}" srcOrd="0" destOrd="0" parTransId="{DCAD10EC-F8D9-4114-9C66-1DD1309A49AC}" sibTransId="{7CAD0F66-8C82-4B36-B07B-9CE6776253CF}"/>
    <dgm:cxn modelId="{4B234F7A-DD87-49BD-B806-24B1D67B46DC}" type="presOf" srcId="{7698525A-840D-4681-BDC3-65161A2EA3E8}" destId="{B7A9DA6D-7A3E-4A07-8BE5-7B57365B6F99}" srcOrd="1" destOrd="0" presId="urn:microsoft.com/office/officeart/2005/8/layout/list1"/>
    <dgm:cxn modelId="{B2C3757B-3E10-4243-8E91-80E3F9B92B81}" srcId="{A2379DA5-8473-4B8A-875D-986241F27D88}" destId="{F304EB45-D278-46EE-9374-A546BF699BA7}" srcOrd="3" destOrd="0" parTransId="{637CCF3E-9EB7-4E0D-BFD9-930C71A76045}" sibTransId="{1BC33109-B327-45B1-A595-728918E2088C}"/>
    <dgm:cxn modelId="{80B9EA7D-E51E-4364-932A-44D6943C4C5D}" type="presOf" srcId="{E3EB8CEE-53D9-490D-8E05-3048D64101DD}" destId="{F599E6FF-AB21-49F5-AA11-DD6B94747286}" srcOrd="0" destOrd="1" presId="urn:microsoft.com/office/officeart/2005/8/layout/list1"/>
    <dgm:cxn modelId="{EF634A92-24AD-4AB1-A512-99E0AA805046}" type="presOf" srcId="{332777E4-4247-479A-BF61-0849E61B3AF1}" destId="{F599E6FF-AB21-49F5-AA11-DD6B94747286}" srcOrd="0" destOrd="0" presId="urn:microsoft.com/office/officeart/2005/8/layout/list1"/>
    <dgm:cxn modelId="{E4830698-A8E0-4FCD-B377-96BC1145DDC7}" type="presOf" srcId="{5DF89DA1-4EDA-48DA-9658-8278FA67A903}" destId="{21134CE0-3839-47DD-8F6D-F65971B9BBC2}" srcOrd="0" destOrd="0" presId="urn:microsoft.com/office/officeart/2005/8/layout/list1"/>
    <dgm:cxn modelId="{F2C918B8-4428-42C5-8393-54FD50F1B68B}" srcId="{A2379DA5-8473-4B8A-875D-986241F27D88}" destId="{42D39708-B109-4C95-92C0-BB7FED721D61}" srcOrd="1" destOrd="0" parTransId="{B1E9293C-BC8B-463A-A73E-6934EB4091D6}" sibTransId="{216A8738-D398-4739-8710-ADDD7C2E1CAA}"/>
    <dgm:cxn modelId="{B2FFD0C8-042E-4B0B-994B-F34BA274249D}" type="presOf" srcId="{C6A35E4E-94EE-4AF8-BE15-2D0590A3EC88}" destId="{08DBC424-4BC4-4465-9221-A23AEE3D3530}" srcOrd="0" destOrd="0" presId="urn:microsoft.com/office/officeart/2005/8/layout/list1"/>
    <dgm:cxn modelId="{349409CB-DF3D-427F-ABCB-4501AEE71165}" srcId="{A2379DA5-8473-4B8A-875D-986241F27D88}" destId="{7698525A-840D-4681-BDC3-65161A2EA3E8}" srcOrd="2" destOrd="0" parTransId="{EE841B74-C6C9-41A5-8FCA-FBA72326CE62}" sibTransId="{A5EF0F8E-2824-4770-A771-37CE11D79991}"/>
    <dgm:cxn modelId="{DEFDDDCC-0389-40AB-B7D0-0426D1C7B898}" type="presOf" srcId="{6F9820D3-4CF4-4FCF-96CE-7B8D267877F9}" destId="{45E68749-7EEF-455B-BCE9-3364BD762DE3}" srcOrd="0" destOrd="0" presId="urn:microsoft.com/office/officeart/2005/8/layout/list1"/>
    <dgm:cxn modelId="{C104EAD1-3B39-417E-AEC0-B5B2C25BE749}" srcId="{5DF89DA1-4EDA-48DA-9658-8278FA67A903}" destId="{52A10824-DB8A-4CE0-B489-717AD271518C}" srcOrd="1" destOrd="0" parTransId="{6ACD40F8-4678-4FEB-AAC5-86852D70F0A3}" sibTransId="{801142AB-5F43-4AF4-9FDC-C6C136FAAB62}"/>
    <dgm:cxn modelId="{025892D6-35CE-4710-B280-4E75B8A75457}" srcId="{5DF89DA1-4EDA-48DA-9658-8278FA67A903}" destId="{6F9820D3-4CF4-4FCF-96CE-7B8D267877F9}" srcOrd="0" destOrd="0" parTransId="{4761D1E6-0A91-43B9-93F2-1D209E409D22}" sibTransId="{4BEFAB25-E405-483A-931C-E41465E1905F}"/>
    <dgm:cxn modelId="{2E5AB6F1-AFF6-4EF5-995A-71B29D27FD04}" type="presOf" srcId="{A2379DA5-8473-4B8A-875D-986241F27D88}" destId="{A9D633E8-C624-40D6-A4E3-7CBC70692C1E}" srcOrd="0" destOrd="0" presId="urn:microsoft.com/office/officeart/2005/8/layout/list1"/>
    <dgm:cxn modelId="{C7A57BFF-13D4-40B5-AAB8-AE8CE9A53CAE}" type="presOf" srcId="{5DF89DA1-4EDA-48DA-9658-8278FA67A903}" destId="{ACC34C16-A96A-4202-99B9-76722E2FAA08}" srcOrd="1" destOrd="0" presId="urn:microsoft.com/office/officeart/2005/8/layout/list1"/>
    <dgm:cxn modelId="{4061826F-E2B8-4AEC-9D74-476543FBD214}" type="presParOf" srcId="{A9D633E8-C624-40D6-A4E3-7CBC70692C1E}" destId="{A116CD10-386C-4E54-822A-C08AE3EBF658}" srcOrd="0" destOrd="0" presId="urn:microsoft.com/office/officeart/2005/8/layout/list1"/>
    <dgm:cxn modelId="{58171DB6-97B1-4B08-ACB0-3E91B569DE65}" type="presParOf" srcId="{A116CD10-386C-4E54-822A-C08AE3EBF658}" destId="{21134CE0-3839-47DD-8F6D-F65971B9BBC2}" srcOrd="0" destOrd="0" presId="urn:microsoft.com/office/officeart/2005/8/layout/list1"/>
    <dgm:cxn modelId="{DACF9F4F-5402-43A5-B04B-C9444DE4BD51}" type="presParOf" srcId="{A116CD10-386C-4E54-822A-C08AE3EBF658}" destId="{ACC34C16-A96A-4202-99B9-76722E2FAA08}" srcOrd="1" destOrd="0" presId="urn:microsoft.com/office/officeart/2005/8/layout/list1"/>
    <dgm:cxn modelId="{B58AC1EA-A3D0-413A-9EDB-6729D288D1E3}" type="presParOf" srcId="{A9D633E8-C624-40D6-A4E3-7CBC70692C1E}" destId="{4B2C2E6D-257E-4D3D-BB0A-72AF18F7D220}" srcOrd="1" destOrd="0" presId="urn:microsoft.com/office/officeart/2005/8/layout/list1"/>
    <dgm:cxn modelId="{6529E672-B643-48CB-A454-D2247009DBD9}" type="presParOf" srcId="{A9D633E8-C624-40D6-A4E3-7CBC70692C1E}" destId="{45E68749-7EEF-455B-BCE9-3364BD762DE3}" srcOrd="2" destOrd="0" presId="urn:microsoft.com/office/officeart/2005/8/layout/list1"/>
    <dgm:cxn modelId="{7B78AB08-23FC-4326-B212-B51DBB0B3C89}" type="presParOf" srcId="{A9D633E8-C624-40D6-A4E3-7CBC70692C1E}" destId="{0E8B987B-187F-494D-A988-C2153F5DCD2E}" srcOrd="3" destOrd="0" presId="urn:microsoft.com/office/officeart/2005/8/layout/list1"/>
    <dgm:cxn modelId="{A2E43EDE-4C2B-46DC-8A91-090859B81306}" type="presParOf" srcId="{A9D633E8-C624-40D6-A4E3-7CBC70692C1E}" destId="{F8F77BDA-C871-4160-A358-BAA983BD9E97}" srcOrd="4" destOrd="0" presId="urn:microsoft.com/office/officeart/2005/8/layout/list1"/>
    <dgm:cxn modelId="{59B3D939-FC9B-4BAC-AB6D-F7D54DA0D27A}" type="presParOf" srcId="{F8F77BDA-C871-4160-A358-BAA983BD9E97}" destId="{64761C11-B680-4E36-9C6C-85CB3B2F2211}" srcOrd="0" destOrd="0" presId="urn:microsoft.com/office/officeart/2005/8/layout/list1"/>
    <dgm:cxn modelId="{A70A2EC5-9067-4CD6-9379-16F4133E017C}" type="presParOf" srcId="{F8F77BDA-C871-4160-A358-BAA983BD9E97}" destId="{3927B4E5-4921-414E-9C20-426C058F1CDD}" srcOrd="1" destOrd="0" presId="urn:microsoft.com/office/officeart/2005/8/layout/list1"/>
    <dgm:cxn modelId="{66FBED4E-8E3E-44AE-A3A7-04DED597AD37}" type="presParOf" srcId="{A9D633E8-C624-40D6-A4E3-7CBC70692C1E}" destId="{13E3892A-F024-480B-A210-54F27DB9992B}" srcOrd="5" destOrd="0" presId="urn:microsoft.com/office/officeart/2005/8/layout/list1"/>
    <dgm:cxn modelId="{FFB8EF0C-92AC-4742-95C3-1A2D09793CDC}" type="presParOf" srcId="{A9D633E8-C624-40D6-A4E3-7CBC70692C1E}" destId="{08DBC424-4BC4-4465-9221-A23AEE3D3530}" srcOrd="6" destOrd="0" presId="urn:microsoft.com/office/officeart/2005/8/layout/list1"/>
    <dgm:cxn modelId="{1BB7A7F4-9C67-46DB-B378-40B2E74E18E0}" type="presParOf" srcId="{A9D633E8-C624-40D6-A4E3-7CBC70692C1E}" destId="{CE2AC9AC-5414-475F-8F2F-CAECEFF6AC95}" srcOrd="7" destOrd="0" presId="urn:microsoft.com/office/officeart/2005/8/layout/list1"/>
    <dgm:cxn modelId="{733B4500-8420-493A-92CA-89C2CCB6903B}" type="presParOf" srcId="{A9D633E8-C624-40D6-A4E3-7CBC70692C1E}" destId="{04E42427-0507-498D-BD77-199B6567CD40}" srcOrd="8" destOrd="0" presId="urn:microsoft.com/office/officeart/2005/8/layout/list1"/>
    <dgm:cxn modelId="{0008DAD9-52C8-4FF5-9564-F76771F805F4}" type="presParOf" srcId="{04E42427-0507-498D-BD77-199B6567CD40}" destId="{32647888-86E3-4701-A555-13869C438FAB}" srcOrd="0" destOrd="0" presId="urn:microsoft.com/office/officeart/2005/8/layout/list1"/>
    <dgm:cxn modelId="{8B38A052-1C87-4CD3-AB4A-E7A806639626}" type="presParOf" srcId="{04E42427-0507-498D-BD77-199B6567CD40}" destId="{B7A9DA6D-7A3E-4A07-8BE5-7B57365B6F99}" srcOrd="1" destOrd="0" presId="urn:microsoft.com/office/officeart/2005/8/layout/list1"/>
    <dgm:cxn modelId="{4A143F64-5C1D-4D14-966F-83407D10D054}" type="presParOf" srcId="{A9D633E8-C624-40D6-A4E3-7CBC70692C1E}" destId="{86E7C01F-96AC-4AA2-BB3F-BD5B782F19BE}" srcOrd="9" destOrd="0" presId="urn:microsoft.com/office/officeart/2005/8/layout/list1"/>
    <dgm:cxn modelId="{204B320B-E6A8-4E9D-A06C-FE496AD6D328}" type="presParOf" srcId="{A9D633E8-C624-40D6-A4E3-7CBC70692C1E}" destId="{F599E6FF-AB21-49F5-AA11-DD6B94747286}" srcOrd="10" destOrd="0" presId="urn:microsoft.com/office/officeart/2005/8/layout/list1"/>
    <dgm:cxn modelId="{E3AD50EA-B5FD-469F-91E4-1B70157DE0E5}" type="presParOf" srcId="{A9D633E8-C624-40D6-A4E3-7CBC70692C1E}" destId="{2D71AAA3-EE49-4739-937B-EDE6B19D7B39}" srcOrd="11" destOrd="0" presId="urn:microsoft.com/office/officeart/2005/8/layout/list1"/>
    <dgm:cxn modelId="{B49D7402-785F-4B21-970D-FA317963315C}" type="presParOf" srcId="{A9D633E8-C624-40D6-A4E3-7CBC70692C1E}" destId="{5F0387E9-155D-4CD2-9E21-27CF8A46C7C6}" srcOrd="12" destOrd="0" presId="urn:microsoft.com/office/officeart/2005/8/layout/list1"/>
    <dgm:cxn modelId="{910C45C4-FF95-4B2C-BDBA-D849127C7C45}" type="presParOf" srcId="{5F0387E9-155D-4CD2-9E21-27CF8A46C7C6}" destId="{9E6EA908-E4D4-47A7-BFB7-2C1843B38CA4}" srcOrd="0" destOrd="0" presId="urn:microsoft.com/office/officeart/2005/8/layout/list1"/>
    <dgm:cxn modelId="{F15763E7-CB3C-4ADA-A22B-561B7EAB92D7}" type="presParOf" srcId="{5F0387E9-155D-4CD2-9E21-27CF8A46C7C6}" destId="{B02022B2-16B9-477C-A904-526E49BC838C}" srcOrd="1" destOrd="0" presId="urn:microsoft.com/office/officeart/2005/8/layout/list1"/>
    <dgm:cxn modelId="{A4980A29-116B-4FE2-8D78-39B126FFF9FE}" type="presParOf" srcId="{A9D633E8-C624-40D6-A4E3-7CBC70692C1E}" destId="{E60142D8-045C-40E1-9149-7EED6F76BD5E}" srcOrd="13" destOrd="0" presId="urn:microsoft.com/office/officeart/2005/8/layout/list1"/>
    <dgm:cxn modelId="{AA4B8BBF-8FE9-4B0F-8959-220C2EA4F655}" type="presParOf" srcId="{A9D633E8-C624-40D6-A4E3-7CBC70692C1E}" destId="{898CDC04-6DDB-48B4-888C-2DB264777562}" srcOrd="14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0EDCFE6-FA05-430D-808A-5DD4CAAF95C4}" type="doc">
      <dgm:prSet loTypeId="urn:microsoft.com/office/officeart/2005/8/layout/list1" loCatId="list" qsTypeId="urn:microsoft.com/office/officeart/2005/8/quickstyle/simple2" qsCatId="simple" csTypeId="urn:microsoft.com/office/officeart/2005/8/colors/accent5_2" csCatId="accent5" phldr="1"/>
      <dgm:spPr/>
      <dgm:t>
        <a:bodyPr/>
        <a:lstStyle/>
        <a:p>
          <a:endParaRPr lang="en-US"/>
        </a:p>
      </dgm:t>
    </dgm:pt>
    <dgm:pt modelId="{3790B68C-B1E4-4D46-9B30-0A558AAEBDFB}">
      <dgm:prSet phldrT="[Text]" custT="1"/>
      <dgm:spPr/>
      <dgm:t>
        <a:bodyPr/>
        <a:lstStyle/>
        <a:p>
          <a:pPr algn="l"/>
          <a:r>
            <a:rPr lang="en-US" sz="1600" b="1" dirty="0">
              <a:sym typeface="Inter"/>
            </a:rPr>
            <a:t>PROJECT OBJECTIVES</a:t>
          </a:r>
          <a:endParaRPr lang="en-US" sz="1600" b="1" dirty="0"/>
        </a:p>
      </dgm:t>
    </dgm:pt>
    <dgm:pt modelId="{C8FB4C93-EB45-490E-AFE2-B0A8D4880BFF}" type="parTrans" cxnId="{A51874A1-9E45-44E2-92FB-1CC7B2B3ECA2}">
      <dgm:prSet/>
      <dgm:spPr/>
      <dgm:t>
        <a:bodyPr/>
        <a:lstStyle/>
        <a:p>
          <a:endParaRPr lang="en-US" sz="800"/>
        </a:p>
      </dgm:t>
    </dgm:pt>
    <dgm:pt modelId="{CF04BDB5-8C6F-4FCE-96A9-4666358BC692}" type="sibTrans" cxnId="{A51874A1-9E45-44E2-92FB-1CC7B2B3ECA2}">
      <dgm:prSet/>
      <dgm:spPr/>
      <dgm:t>
        <a:bodyPr/>
        <a:lstStyle/>
        <a:p>
          <a:endParaRPr lang="en-US" sz="800"/>
        </a:p>
      </dgm:t>
    </dgm:pt>
    <dgm:pt modelId="{CCB0DD1E-D01C-4DC5-B02D-0D920B28FCF6}">
      <dgm:prSet phldrT="[Text]" custT="1"/>
      <dgm:spPr/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Enhance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Customs fraud detection</a:t>
          </a:r>
          <a:r>
            <a:rPr lang="en-US" sz="1400" b="1" i="0" dirty="0">
              <a:solidFill>
                <a:schemeClr val="bg2">
                  <a:lumMod val="50000"/>
                </a:schemeClr>
              </a:solidFill>
            </a:rPr>
            <a:t> </a:t>
          </a: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by developing an 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AI-based Risk Cargo Selectivity Algorithm;</a:t>
          </a:r>
        </a:p>
      </dgm:t>
    </dgm:pt>
    <dgm:pt modelId="{1877322C-5118-4ABC-9075-DE481DD77B12}" type="sibTrans" cxnId="{DE515BDB-EDC0-4D23-8DFF-B60249A13F78}">
      <dgm:prSet/>
      <dgm:spPr/>
      <dgm:t>
        <a:bodyPr/>
        <a:lstStyle/>
        <a:p>
          <a:endParaRPr lang="en-US" sz="800"/>
        </a:p>
      </dgm:t>
    </dgm:pt>
    <dgm:pt modelId="{42BA5739-4F74-4BEC-85B8-CAC561181BC5}" type="parTrans" cxnId="{DE515BDB-EDC0-4D23-8DFF-B60249A13F78}">
      <dgm:prSet/>
      <dgm:spPr/>
      <dgm:t>
        <a:bodyPr/>
        <a:lstStyle/>
        <a:p>
          <a:endParaRPr lang="en-US" sz="800"/>
        </a:p>
      </dgm:t>
    </dgm:pt>
    <dgm:pt modelId="{1985319F-672D-4871-839D-7AA92AA4A643}">
      <dgm:prSet custT="1"/>
      <dgm:spPr/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Integrate a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data-driven approac</a:t>
          </a:r>
          <a:r>
            <a:rPr lang="en-US" sz="1400" b="1" i="0" dirty="0">
              <a:solidFill>
                <a:schemeClr val="bg2">
                  <a:lumMod val="50000"/>
                </a:schemeClr>
              </a:solidFill>
            </a:rPr>
            <a:t>h </a:t>
          </a: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to the current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Risk Management System (RMS);</a:t>
          </a:r>
        </a:p>
      </dgm:t>
    </dgm:pt>
    <dgm:pt modelId="{C4EDD000-F4D9-4192-8051-0E7518A1EB91}" type="sibTrans" cxnId="{D0DE5267-6266-4BE4-8BA7-0FD20C53AD54}">
      <dgm:prSet/>
      <dgm:spPr/>
      <dgm:t>
        <a:bodyPr/>
        <a:lstStyle/>
        <a:p>
          <a:endParaRPr lang="en-US" sz="800"/>
        </a:p>
      </dgm:t>
    </dgm:pt>
    <dgm:pt modelId="{C900E3EF-CA76-4721-B7FE-0DE4DD14709B}" type="parTrans" cxnId="{D0DE5267-6266-4BE4-8BA7-0FD20C53AD54}">
      <dgm:prSet/>
      <dgm:spPr/>
      <dgm:t>
        <a:bodyPr/>
        <a:lstStyle/>
        <a:p>
          <a:endParaRPr lang="en-US" sz="800"/>
        </a:p>
      </dgm:t>
    </dgm:pt>
    <dgm:pt modelId="{319AC5DA-F740-4AD6-ADC0-2202BA40198D}">
      <dgm:prSet custT="1"/>
      <dgm:spPr/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Provide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data-driven insights</a:t>
          </a: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 for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proactive fraud prevention </a:t>
          </a:r>
          <a:r>
            <a:rPr lang="en-US" sz="1400" b="0" i="1" dirty="0">
              <a:solidFill>
                <a:schemeClr val="bg2">
                  <a:lumMod val="50000"/>
                </a:schemeClr>
              </a:solidFill>
            </a:rPr>
            <a:t>and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resource allocation</a:t>
          </a: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.</a:t>
          </a:r>
        </a:p>
      </dgm:t>
    </dgm:pt>
    <dgm:pt modelId="{184F5AF4-301C-4880-89C3-976FC4D57791}" type="sibTrans" cxnId="{BBFFBE94-CC73-4C02-8FDD-3A96F89C1F41}">
      <dgm:prSet/>
      <dgm:spPr/>
      <dgm:t>
        <a:bodyPr/>
        <a:lstStyle/>
        <a:p>
          <a:endParaRPr lang="en-US" sz="800"/>
        </a:p>
      </dgm:t>
    </dgm:pt>
    <dgm:pt modelId="{A99F5EDF-4330-4594-A095-853B0CB3F79E}" type="parTrans" cxnId="{BBFFBE94-CC73-4C02-8FDD-3A96F89C1F41}">
      <dgm:prSet/>
      <dgm:spPr/>
      <dgm:t>
        <a:bodyPr/>
        <a:lstStyle/>
        <a:p>
          <a:endParaRPr lang="en-US" sz="800"/>
        </a:p>
      </dgm:t>
    </dgm:pt>
    <dgm:pt modelId="{048755BD-F0F7-4E6A-958C-E13D36527840}">
      <dgm:prSet custT="1"/>
      <dgm:spPr/>
      <dgm:t>
        <a:bodyPr/>
        <a:lstStyle/>
        <a:p>
          <a:pPr algn="l">
            <a:buNone/>
          </a:pPr>
          <a:r>
            <a:rPr lang="en" sz="1600" b="1" dirty="0">
              <a:sym typeface="Inter"/>
            </a:rPr>
            <a:t>KEY CHALLENGES</a:t>
          </a:r>
          <a:endParaRPr lang="en-US" sz="1600" dirty="0"/>
        </a:p>
      </dgm:t>
    </dgm:pt>
    <dgm:pt modelId="{395FC0D0-4C92-4DE1-A764-08079F05C179}" type="parTrans" cxnId="{1AC128AF-52B8-4395-9563-FE01E1A802D8}">
      <dgm:prSet/>
      <dgm:spPr/>
      <dgm:t>
        <a:bodyPr/>
        <a:lstStyle/>
        <a:p>
          <a:endParaRPr lang="en-US"/>
        </a:p>
      </dgm:t>
    </dgm:pt>
    <dgm:pt modelId="{89B81DE1-5C42-43FC-9A26-404324C288ED}" type="sibTrans" cxnId="{1AC128AF-52B8-4395-9563-FE01E1A802D8}">
      <dgm:prSet/>
      <dgm:spPr/>
      <dgm:t>
        <a:bodyPr/>
        <a:lstStyle/>
        <a:p>
          <a:endParaRPr lang="en-US"/>
        </a:p>
      </dgm:t>
    </dgm:pt>
    <dgm:pt modelId="{CB5B3F50-412B-4CB0-9E29-D30629B8213F}">
      <dgm:prSet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Overall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data quality </a:t>
          </a: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and risk-related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data availability;</a:t>
          </a:r>
        </a:p>
      </dgm:t>
    </dgm:pt>
    <dgm:pt modelId="{4E40A813-B82F-40D5-BADB-A54565AB9D07}" type="parTrans" cxnId="{71173186-DF2A-4CC7-85A3-8C74CA64E067}">
      <dgm:prSet/>
      <dgm:spPr/>
      <dgm:t>
        <a:bodyPr/>
        <a:lstStyle/>
        <a:p>
          <a:endParaRPr lang="en-US"/>
        </a:p>
      </dgm:t>
    </dgm:pt>
    <dgm:pt modelId="{A951B244-205D-42A9-93A3-7131DF82D077}" type="sibTrans" cxnId="{71173186-DF2A-4CC7-85A3-8C74CA64E067}">
      <dgm:prSet/>
      <dgm:spPr/>
      <dgm:t>
        <a:bodyPr/>
        <a:lstStyle/>
        <a:p>
          <a:endParaRPr lang="en-US"/>
        </a:p>
      </dgm:t>
    </dgm:pt>
    <dgm:pt modelId="{50388E8B-EDA7-4C39-B87A-F956975F6C90}">
      <dgm:prSet custT="1"/>
      <dgm:spPr/>
      <dgm:t>
        <a:bodyPr/>
        <a:lstStyle/>
        <a:p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Integration</a:t>
          </a:r>
          <a:r>
            <a:rPr lang="en-US" sz="1400" b="0" i="1" dirty="0">
              <a:solidFill>
                <a:schemeClr val="bg2">
                  <a:lumMod val="50000"/>
                </a:schemeClr>
              </a:solidFill>
            </a:rPr>
            <a:t> </a:t>
          </a: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challenges with </a:t>
          </a:r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existing systems</a:t>
          </a:r>
          <a:r>
            <a:rPr lang="en-US" sz="1400" b="0" i="1" dirty="0">
              <a:solidFill>
                <a:schemeClr val="bg2">
                  <a:lumMod val="50000"/>
                </a:schemeClr>
              </a:solidFill>
            </a:rPr>
            <a:t>;</a:t>
          </a:r>
        </a:p>
      </dgm:t>
    </dgm:pt>
    <dgm:pt modelId="{52569381-8C47-4C70-AC7B-D9C731E8F888}" type="parTrans" cxnId="{A9A7970C-5FCB-46BA-89E7-D8F2816A3AA4}">
      <dgm:prSet/>
      <dgm:spPr/>
      <dgm:t>
        <a:bodyPr/>
        <a:lstStyle/>
        <a:p>
          <a:endParaRPr lang="en-US"/>
        </a:p>
      </dgm:t>
    </dgm:pt>
    <dgm:pt modelId="{44DCC7F5-7AA2-4E47-8F63-86C5E216BC95}" type="sibTrans" cxnId="{A9A7970C-5FCB-46BA-89E7-D8F2816A3AA4}">
      <dgm:prSet/>
      <dgm:spPr/>
      <dgm:t>
        <a:bodyPr/>
        <a:lstStyle/>
        <a:p>
          <a:endParaRPr lang="en-US"/>
        </a:p>
      </dgm:t>
    </dgm:pt>
    <dgm:pt modelId="{CEC08D4B-8EAF-4987-80BE-7E231B4F7695}">
      <dgm:prSet custT="1"/>
      <dgm:spPr/>
      <dgm:t>
        <a:bodyPr/>
        <a:lstStyle/>
        <a:p>
          <a:r>
            <a:rPr lang="en-US" sz="1400" b="1" i="1" dirty="0">
              <a:solidFill>
                <a:schemeClr val="bg2">
                  <a:lumMod val="50000"/>
                </a:schemeClr>
              </a:solidFill>
            </a:rPr>
            <a:t>Explainability and transparency</a:t>
          </a:r>
          <a:r>
            <a:rPr lang="en-US" sz="1400" b="1" i="0" dirty="0">
              <a:solidFill>
                <a:schemeClr val="bg2">
                  <a:lumMod val="50000"/>
                </a:schemeClr>
              </a:solidFill>
            </a:rPr>
            <a:t> </a:t>
          </a:r>
          <a:r>
            <a:rPr lang="en-US" sz="1400" b="0" i="0" dirty="0">
              <a:solidFill>
                <a:schemeClr val="bg2">
                  <a:lumMod val="50000"/>
                </a:schemeClr>
              </a:solidFill>
            </a:rPr>
            <a:t>in fraud detection.</a:t>
          </a:r>
        </a:p>
      </dgm:t>
    </dgm:pt>
    <dgm:pt modelId="{EB5B88B7-8ECB-4F2C-A0C4-155B41D6EB86}" type="parTrans" cxnId="{FCA2294E-D832-4E44-8E7F-8566E45FB821}">
      <dgm:prSet/>
      <dgm:spPr/>
      <dgm:t>
        <a:bodyPr/>
        <a:lstStyle/>
        <a:p>
          <a:endParaRPr lang="en-US"/>
        </a:p>
      </dgm:t>
    </dgm:pt>
    <dgm:pt modelId="{A88B7A52-AC4B-4018-BC7D-163B9A58B910}" type="sibTrans" cxnId="{FCA2294E-D832-4E44-8E7F-8566E45FB821}">
      <dgm:prSet/>
      <dgm:spPr/>
      <dgm:t>
        <a:bodyPr/>
        <a:lstStyle/>
        <a:p>
          <a:endParaRPr lang="en-US"/>
        </a:p>
      </dgm:t>
    </dgm:pt>
    <dgm:pt modelId="{251CDC26-F656-4A96-8F86-61E0AA815B29}">
      <dgm:prSet phldrT="[Text]" custT="1"/>
      <dgm:spPr/>
      <dgm:t>
        <a:bodyPr/>
        <a:lstStyle/>
        <a:p>
          <a:pPr algn="l">
            <a:buFont typeface="Arial" panose="020B0604020202020204" pitchFamily="34" charset="0"/>
            <a:buChar char="•"/>
          </a:pPr>
          <a:endParaRPr lang="en-US" sz="1400" dirty="0">
            <a:solidFill>
              <a:schemeClr val="bg2">
                <a:lumMod val="50000"/>
              </a:schemeClr>
            </a:solidFill>
          </a:endParaRPr>
        </a:p>
      </dgm:t>
    </dgm:pt>
    <dgm:pt modelId="{8F2F1FBC-CF8D-48B7-B71B-2F893CE58FB7}" type="parTrans" cxnId="{5491052F-F203-4EB5-B10B-0B78B0ACEC81}">
      <dgm:prSet/>
      <dgm:spPr/>
      <dgm:t>
        <a:bodyPr/>
        <a:lstStyle/>
        <a:p>
          <a:endParaRPr lang="en-US"/>
        </a:p>
      </dgm:t>
    </dgm:pt>
    <dgm:pt modelId="{809559B3-B2C8-499E-8A3F-1699B850B27E}" type="sibTrans" cxnId="{5491052F-F203-4EB5-B10B-0B78B0ACEC81}">
      <dgm:prSet/>
      <dgm:spPr/>
      <dgm:t>
        <a:bodyPr/>
        <a:lstStyle/>
        <a:p>
          <a:endParaRPr lang="en-US"/>
        </a:p>
      </dgm:t>
    </dgm:pt>
    <dgm:pt modelId="{5EB5E60E-9568-4B12-9C73-78EBEDBC096A}">
      <dgm:prSet custT="1"/>
      <dgm:spPr/>
      <dgm:t>
        <a:bodyPr/>
        <a:lstStyle/>
        <a:p>
          <a:pPr algn="l">
            <a:buFont typeface="Arial" panose="020B0604020202020204" pitchFamily="34" charset="0"/>
            <a:buChar char="•"/>
          </a:pPr>
          <a:endParaRPr lang="en-US" sz="1400" b="0" i="0" dirty="0">
            <a:solidFill>
              <a:schemeClr val="bg2">
                <a:lumMod val="50000"/>
              </a:schemeClr>
            </a:solidFill>
          </a:endParaRPr>
        </a:p>
      </dgm:t>
    </dgm:pt>
    <dgm:pt modelId="{0EF1A22C-C86C-4E55-95C9-FF0AEE074F72}" type="parTrans" cxnId="{FA33FC0B-612D-4620-A9EE-8B81986D712B}">
      <dgm:prSet/>
      <dgm:spPr/>
      <dgm:t>
        <a:bodyPr/>
        <a:lstStyle/>
        <a:p>
          <a:endParaRPr lang="en-US"/>
        </a:p>
      </dgm:t>
    </dgm:pt>
    <dgm:pt modelId="{CAF7DD72-5C1E-4D64-B178-F1CB2BD0A12C}" type="sibTrans" cxnId="{FA33FC0B-612D-4620-A9EE-8B81986D712B}">
      <dgm:prSet/>
      <dgm:spPr/>
      <dgm:t>
        <a:bodyPr/>
        <a:lstStyle/>
        <a:p>
          <a:endParaRPr lang="en-US"/>
        </a:p>
      </dgm:t>
    </dgm:pt>
    <dgm:pt modelId="{359AC041-88FC-433A-A2E6-98FFD8313C76}">
      <dgm:prSet custT="1"/>
      <dgm:spPr/>
      <dgm:t>
        <a:bodyPr/>
        <a:lstStyle/>
        <a:p>
          <a:pPr>
            <a:buFont typeface="Arial" panose="020B0604020202020204" pitchFamily="34" charset="0"/>
            <a:buNone/>
          </a:pPr>
          <a:endParaRPr lang="en-US" sz="1400" i="1" dirty="0">
            <a:solidFill>
              <a:schemeClr val="bg2">
                <a:lumMod val="50000"/>
              </a:schemeClr>
            </a:solidFill>
          </a:endParaRPr>
        </a:p>
      </dgm:t>
    </dgm:pt>
    <dgm:pt modelId="{0C92A38D-F09B-4FB2-95CF-B1C148E2B2F4}" type="parTrans" cxnId="{EA2B32D9-63EB-44AB-BE25-E454E13B5F70}">
      <dgm:prSet/>
      <dgm:spPr/>
      <dgm:t>
        <a:bodyPr/>
        <a:lstStyle/>
        <a:p>
          <a:endParaRPr lang="en-US"/>
        </a:p>
      </dgm:t>
    </dgm:pt>
    <dgm:pt modelId="{C3C32D48-DEBC-416F-9FEF-86F462C1940D}" type="sibTrans" cxnId="{EA2B32D9-63EB-44AB-BE25-E454E13B5F70}">
      <dgm:prSet/>
      <dgm:spPr/>
      <dgm:t>
        <a:bodyPr/>
        <a:lstStyle/>
        <a:p>
          <a:endParaRPr lang="en-US"/>
        </a:p>
      </dgm:t>
    </dgm:pt>
    <dgm:pt modelId="{5F16CB3C-D175-4A47-B987-0566A9536B5C}">
      <dgm:prSet custT="1"/>
      <dgm:spPr/>
      <dgm:t>
        <a:bodyPr/>
        <a:lstStyle/>
        <a:p>
          <a:endParaRPr lang="en-US" sz="1400" b="0" i="0" dirty="0">
            <a:solidFill>
              <a:schemeClr val="bg2">
                <a:lumMod val="50000"/>
              </a:schemeClr>
            </a:solidFill>
          </a:endParaRPr>
        </a:p>
      </dgm:t>
    </dgm:pt>
    <dgm:pt modelId="{1DFD772D-9FB6-4B44-B134-FF3E1ABA685E}" type="parTrans" cxnId="{95CCD6DE-6F51-4114-A3FE-69F12E63651D}">
      <dgm:prSet/>
      <dgm:spPr/>
      <dgm:t>
        <a:bodyPr/>
        <a:lstStyle/>
        <a:p>
          <a:endParaRPr lang="en-US"/>
        </a:p>
      </dgm:t>
    </dgm:pt>
    <dgm:pt modelId="{AFF4835C-2F45-4337-8233-843ABD4BFDFA}" type="sibTrans" cxnId="{95CCD6DE-6F51-4114-A3FE-69F12E63651D}">
      <dgm:prSet/>
      <dgm:spPr/>
      <dgm:t>
        <a:bodyPr/>
        <a:lstStyle/>
        <a:p>
          <a:endParaRPr lang="en-US"/>
        </a:p>
      </dgm:t>
    </dgm:pt>
    <dgm:pt modelId="{04D80ED2-9FEA-4D63-863A-2B140C5FF0CF}" type="pres">
      <dgm:prSet presAssocID="{70EDCFE6-FA05-430D-808A-5DD4CAAF95C4}" presName="linear" presStyleCnt="0">
        <dgm:presLayoutVars>
          <dgm:dir/>
          <dgm:animLvl val="lvl"/>
          <dgm:resizeHandles val="exact"/>
        </dgm:presLayoutVars>
      </dgm:prSet>
      <dgm:spPr/>
    </dgm:pt>
    <dgm:pt modelId="{73DD8333-1F0B-4452-992A-601B73F02F74}" type="pres">
      <dgm:prSet presAssocID="{3790B68C-B1E4-4D46-9B30-0A558AAEBDFB}" presName="parentLin" presStyleCnt="0"/>
      <dgm:spPr/>
    </dgm:pt>
    <dgm:pt modelId="{AA2FF739-5976-417A-A2B1-C33720527870}" type="pres">
      <dgm:prSet presAssocID="{3790B68C-B1E4-4D46-9B30-0A558AAEBDFB}" presName="parentLeftMargin" presStyleLbl="node1" presStyleIdx="0" presStyleCnt="2"/>
      <dgm:spPr/>
    </dgm:pt>
    <dgm:pt modelId="{E390F710-EF4E-420D-9EDE-9168CFCA25FF}" type="pres">
      <dgm:prSet presAssocID="{3790B68C-B1E4-4D46-9B30-0A558AAEBDFB}" presName="parentText" presStyleLbl="node1" presStyleIdx="0" presStyleCnt="2">
        <dgm:presLayoutVars>
          <dgm:chMax val="0"/>
          <dgm:bulletEnabled val="1"/>
        </dgm:presLayoutVars>
      </dgm:prSet>
      <dgm:spPr/>
    </dgm:pt>
    <dgm:pt modelId="{1F430BC2-5D94-4109-A9DD-D82609471B98}" type="pres">
      <dgm:prSet presAssocID="{3790B68C-B1E4-4D46-9B30-0A558AAEBDFB}" presName="negativeSpace" presStyleCnt="0"/>
      <dgm:spPr/>
    </dgm:pt>
    <dgm:pt modelId="{238102CD-4E56-4A3B-B5F2-C0D39D3F5150}" type="pres">
      <dgm:prSet presAssocID="{3790B68C-B1E4-4D46-9B30-0A558AAEBDFB}" presName="childText" presStyleLbl="conFgAcc1" presStyleIdx="0" presStyleCnt="2">
        <dgm:presLayoutVars>
          <dgm:bulletEnabled val="1"/>
        </dgm:presLayoutVars>
      </dgm:prSet>
      <dgm:spPr/>
    </dgm:pt>
    <dgm:pt modelId="{D6409369-E453-4E8D-AD0C-4CA98C4DDAE6}" type="pres">
      <dgm:prSet presAssocID="{CF04BDB5-8C6F-4FCE-96A9-4666358BC692}" presName="spaceBetweenRectangles" presStyleCnt="0"/>
      <dgm:spPr/>
    </dgm:pt>
    <dgm:pt modelId="{D8EF9B60-05E5-44B5-B20C-3EDA27295ECA}" type="pres">
      <dgm:prSet presAssocID="{048755BD-F0F7-4E6A-958C-E13D36527840}" presName="parentLin" presStyleCnt="0"/>
      <dgm:spPr/>
    </dgm:pt>
    <dgm:pt modelId="{E379374C-D7ED-4DAA-8E1E-DE8DD4BA9CF3}" type="pres">
      <dgm:prSet presAssocID="{048755BD-F0F7-4E6A-958C-E13D36527840}" presName="parentLeftMargin" presStyleLbl="node1" presStyleIdx="0" presStyleCnt="2"/>
      <dgm:spPr/>
    </dgm:pt>
    <dgm:pt modelId="{2B5B0EE2-C83E-46D0-89C9-FB42C178A038}" type="pres">
      <dgm:prSet presAssocID="{048755BD-F0F7-4E6A-958C-E13D36527840}" presName="parentText" presStyleLbl="node1" presStyleIdx="1" presStyleCnt="2" custLinFactNeighborY="1294">
        <dgm:presLayoutVars>
          <dgm:chMax val="0"/>
          <dgm:bulletEnabled val="1"/>
        </dgm:presLayoutVars>
      </dgm:prSet>
      <dgm:spPr/>
    </dgm:pt>
    <dgm:pt modelId="{8FF6999D-1FA9-49BB-9870-0DB2A90800C9}" type="pres">
      <dgm:prSet presAssocID="{048755BD-F0F7-4E6A-958C-E13D36527840}" presName="negativeSpace" presStyleCnt="0"/>
      <dgm:spPr/>
    </dgm:pt>
    <dgm:pt modelId="{83D5C9F1-0451-439E-A7CE-DDB826EEDCD2}" type="pres">
      <dgm:prSet presAssocID="{048755BD-F0F7-4E6A-958C-E13D36527840}" presName="childText" presStyleLbl="conFgAcc1" presStyleIdx="1" presStyleCnt="2">
        <dgm:presLayoutVars>
          <dgm:bulletEnabled val="1"/>
        </dgm:presLayoutVars>
      </dgm:prSet>
      <dgm:spPr/>
    </dgm:pt>
  </dgm:ptLst>
  <dgm:cxnLst>
    <dgm:cxn modelId="{FA33FC0B-612D-4620-A9EE-8B81986D712B}" srcId="{3790B68C-B1E4-4D46-9B30-0A558AAEBDFB}" destId="{5EB5E60E-9568-4B12-9C73-78EBEDBC096A}" srcOrd="3" destOrd="0" parTransId="{0EF1A22C-C86C-4E55-95C9-FF0AEE074F72}" sibTransId="{CAF7DD72-5C1E-4D64-B178-F1CB2BD0A12C}"/>
    <dgm:cxn modelId="{A9A7970C-5FCB-46BA-89E7-D8F2816A3AA4}" srcId="{048755BD-F0F7-4E6A-958C-E13D36527840}" destId="{50388E8B-EDA7-4C39-B87A-F956975F6C90}" srcOrd="2" destOrd="0" parTransId="{52569381-8C47-4C70-AC7B-D9C731E8F888}" sibTransId="{44DCC7F5-7AA2-4E47-8F63-86C5E216BC95}"/>
    <dgm:cxn modelId="{6AEE3411-663B-4BD2-9EA8-7FF6F9E84B5A}" type="presOf" srcId="{3790B68C-B1E4-4D46-9B30-0A558AAEBDFB}" destId="{AA2FF739-5976-417A-A2B1-C33720527870}" srcOrd="0" destOrd="0" presId="urn:microsoft.com/office/officeart/2005/8/layout/list1"/>
    <dgm:cxn modelId="{D770DB28-8199-41E9-A911-9476A5A8548C}" type="presOf" srcId="{048755BD-F0F7-4E6A-958C-E13D36527840}" destId="{E379374C-D7ED-4DAA-8E1E-DE8DD4BA9CF3}" srcOrd="0" destOrd="0" presId="urn:microsoft.com/office/officeart/2005/8/layout/list1"/>
    <dgm:cxn modelId="{5491052F-F203-4EB5-B10B-0B78B0ACEC81}" srcId="{3790B68C-B1E4-4D46-9B30-0A558AAEBDFB}" destId="{251CDC26-F656-4A96-8F86-61E0AA815B29}" srcOrd="1" destOrd="0" parTransId="{8F2F1FBC-CF8D-48B7-B71B-2F893CE58FB7}" sibTransId="{809559B3-B2C8-499E-8A3F-1699B850B27E}"/>
    <dgm:cxn modelId="{8BC9F536-713E-4EEB-9B11-118366969BEC}" type="presOf" srcId="{70EDCFE6-FA05-430D-808A-5DD4CAAF95C4}" destId="{04D80ED2-9FEA-4D63-863A-2B140C5FF0CF}" srcOrd="0" destOrd="0" presId="urn:microsoft.com/office/officeart/2005/8/layout/list1"/>
    <dgm:cxn modelId="{FADF795E-1AE4-478F-AB7D-44158890266A}" type="presOf" srcId="{5EB5E60E-9568-4B12-9C73-78EBEDBC096A}" destId="{238102CD-4E56-4A3B-B5F2-C0D39D3F5150}" srcOrd="0" destOrd="3" presId="urn:microsoft.com/office/officeart/2005/8/layout/list1"/>
    <dgm:cxn modelId="{D0DE5267-6266-4BE4-8BA7-0FD20C53AD54}" srcId="{3790B68C-B1E4-4D46-9B30-0A558AAEBDFB}" destId="{1985319F-672D-4871-839D-7AA92AA4A643}" srcOrd="2" destOrd="0" parTransId="{C900E3EF-CA76-4721-B7FE-0DE4DD14709B}" sibTransId="{C4EDD000-F4D9-4192-8051-0E7518A1EB91}"/>
    <dgm:cxn modelId="{1403DF69-46A7-4470-A8CC-4BAECB571AA5}" type="presOf" srcId="{5F16CB3C-D175-4A47-B987-0566A9536B5C}" destId="{83D5C9F1-0451-439E-A7CE-DDB826EEDCD2}" srcOrd="0" destOrd="3" presId="urn:microsoft.com/office/officeart/2005/8/layout/list1"/>
    <dgm:cxn modelId="{0C4EBC4D-A839-47AE-AB00-DF5B6545418B}" type="presOf" srcId="{048755BD-F0F7-4E6A-958C-E13D36527840}" destId="{2B5B0EE2-C83E-46D0-89C9-FB42C178A038}" srcOrd="1" destOrd="0" presId="urn:microsoft.com/office/officeart/2005/8/layout/list1"/>
    <dgm:cxn modelId="{FCA2294E-D832-4E44-8E7F-8566E45FB821}" srcId="{048755BD-F0F7-4E6A-958C-E13D36527840}" destId="{CEC08D4B-8EAF-4987-80BE-7E231B4F7695}" srcOrd="4" destOrd="0" parTransId="{EB5B88B7-8ECB-4F2C-A0C4-155B41D6EB86}" sibTransId="{A88B7A52-AC4B-4018-BC7D-163B9A58B910}"/>
    <dgm:cxn modelId="{D71A4B50-4EFE-4191-993C-A96EDC3BDB12}" type="presOf" srcId="{1985319F-672D-4871-839D-7AA92AA4A643}" destId="{238102CD-4E56-4A3B-B5F2-C0D39D3F5150}" srcOrd="0" destOrd="2" presId="urn:microsoft.com/office/officeart/2005/8/layout/list1"/>
    <dgm:cxn modelId="{9C4F2C74-39AD-430E-A711-32A519C54D5C}" type="presOf" srcId="{319AC5DA-F740-4AD6-ADC0-2202BA40198D}" destId="{238102CD-4E56-4A3B-B5F2-C0D39D3F5150}" srcOrd="0" destOrd="4" presId="urn:microsoft.com/office/officeart/2005/8/layout/list1"/>
    <dgm:cxn modelId="{C933897F-5951-416F-A750-A92D0334C92C}" type="presOf" srcId="{50388E8B-EDA7-4C39-B87A-F956975F6C90}" destId="{83D5C9F1-0451-439E-A7CE-DDB826EEDCD2}" srcOrd="0" destOrd="2" presId="urn:microsoft.com/office/officeart/2005/8/layout/list1"/>
    <dgm:cxn modelId="{71173186-DF2A-4CC7-85A3-8C74CA64E067}" srcId="{048755BD-F0F7-4E6A-958C-E13D36527840}" destId="{CB5B3F50-412B-4CB0-9E29-D30629B8213F}" srcOrd="0" destOrd="0" parTransId="{4E40A813-B82F-40D5-BADB-A54565AB9D07}" sibTransId="{A951B244-205D-42A9-93A3-7131DF82D077}"/>
    <dgm:cxn modelId="{4A611C8F-ED01-43EB-AC6D-8D6496310578}" type="presOf" srcId="{CB5B3F50-412B-4CB0-9E29-D30629B8213F}" destId="{83D5C9F1-0451-439E-A7CE-DDB826EEDCD2}" srcOrd="0" destOrd="0" presId="urn:microsoft.com/office/officeart/2005/8/layout/list1"/>
    <dgm:cxn modelId="{BBFFBE94-CC73-4C02-8FDD-3A96F89C1F41}" srcId="{3790B68C-B1E4-4D46-9B30-0A558AAEBDFB}" destId="{319AC5DA-F740-4AD6-ADC0-2202BA40198D}" srcOrd="4" destOrd="0" parTransId="{A99F5EDF-4330-4594-A095-853B0CB3F79E}" sibTransId="{184F5AF4-301C-4880-89C3-976FC4D57791}"/>
    <dgm:cxn modelId="{46409495-DE41-461D-A100-C4B72E8CF0CE}" type="presOf" srcId="{CCB0DD1E-D01C-4DC5-B02D-0D920B28FCF6}" destId="{238102CD-4E56-4A3B-B5F2-C0D39D3F5150}" srcOrd="0" destOrd="0" presId="urn:microsoft.com/office/officeart/2005/8/layout/list1"/>
    <dgm:cxn modelId="{A51874A1-9E45-44E2-92FB-1CC7B2B3ECA2}" srcId="{70EDCFE6-FA05-430D-808A-5DD4CAAF95C4}" destId="{3790B68C-B1E4-4D46-9B30-0A558AAEBDFB}" srcOrd="0" destOrd="0" parTransId="{C8FB4C93-EB45-490E-AFE2-B0A8D4880BFF}" sibTransId="{CF04BDB5-8C6F-4FCE-96A9-4666358BC692}"/>
    <dgm:cxn modelId="{3D7039A4-ACDC-4FD4-8B10-4C104C4F66C4}" type="presOf" srcId="{CEC08D4B-8EAF-4987-80BE-7E231B4F7695}" destId="{83D5C9F1-0451-439E-A7CE-DDB826EEDCD2}" srcOrd="0" destOrd="4" presId="urn:microsoft.com/office/officeart/2005/8/layout/list1"/>
    <dgm:cxn modelId="{AB07A9A8-A58C-4F8D-90EF-21926CA1E149}" type="presOf" srcId="{359AC041-88FC-433A-A2E6-98FFD8313C76}" destId="{83D5C9F1-0451-439E-A7CE-DDB826EEDCD2}" srcOrd="0" destOrd="1" presId="urn:microsoft.com/office/officeart/2005/8/layout/list1"/>
    <dgm:cxn modelId="{1AC128AF-52B8-4395-9563-FE01E1A802D8}" srcId="{70EDCFE6-FA05-430D-808A-5DD4CAAF95C4}" destId="{048755BD-F0F7-4E6A-958C-E13D36527840}" srcOrd="1" destOrd="0" parTransId="{395FC0D0-4C92-4DE1-A764-08079F05C179}" sibTransId="{89B81DE1-5C42-43FC-9A26-404324C288ED}"/>
    <dgm:cxn modelId="{EA2B32D9-63EB-44AB-BE25-E454E13B5F70}" srcId="{048755BD-F0F7-4E6A-958C-E13D36527840}" destId="{359AC041-88FC-433A-A2E6-98FFD8313C76}" srcOrd="1" destOrd="0" parTransId="{0C92A38D-F09B-4FB2-95CF-B1C148E2B2F4}" sibTransId="{C3C32D48-DEBC-416F-9FEF-86F462C1940D}"/>
    <dgm:cxn modelId="{DE515BDB-EDC0-4D23-8DFF-B60249A13F78}" srcId="{3790B68C-B1E4-4D46-9B30-0A558AAEBDFB}" destId="{CCB0DD1E-D01C-4DC5-B02D-0D920B28FCF6}" srcOrd="0" destOrd="0" parTransId="{42BA5739-4F74-4BEC-85B8-CAC561181BC5}" sibTransId="{1877322C-5118-4ABC-9075-DE481DD77B12}"/>
    <dgm:cxn modelId="{6E9D9CDE-8409-416D-9D67-FA9EE2A6ED8A}" type="presOf" srcId="{3790B68C-B1E4-4D46-9B30-0A558AAEBDFB}" destId="{E390F710-EF4E-420D-9EDE-9168CFCA25FF}" srcOrd="1" destOrd="0" presId="urn:microsoft.com/office/officeart/2005/8/layout/list1"/>
    <dgm:cxn modelId="{95CCD6DE-6F51-4114-A3FE-69F12E63651D}" srcId="{048755BD-F0F7-4E6A-958C-E13D36527840}" destId="{5F16CB3C-D175-4A47-B987-0566A9536B5C}" srcOrd="3" destOrd="0" parTransId="{1DFD772D-9FB6-4B44-B134-FF3E1ABA685E}" sibTransId="{AFF4835C-2F45-4337-8233-843ABD4BFDFA}"/>
    <dgm:cxn modelId="{EFE726EE-E4B7-43C7-89D2-84171510E930}" type="presOf" srcId="{251CDC26-F656-4A96-8F86-61E0AA815B29}" destId="{238102CD-4E56-4A3B-B5F2-C0D39D3F5150}" srcOrd="0" destOrd="1" presId="urn:microsoft.com/office/officeart/2005/8/layout/list1"/>
    <dgm:cxn modelId="{91602F49-3375-4031-83E5-51B17C327372}" type="presParOf" srcId="{04D80ED2-9FEA-4D63-863A-2B140C5FF0CF}" destId="{73DD8333-1F0B-4452-992A-601B73F02F74}" srcOrd="0" destOrd="0" presId="urn:microsoft.com/office/officeart/2005/8/layout/list1"/>
    <dgm:cxn modelId="{324E72E6-EEDA-43F8-92A6-995D362764B1}" type="presParOf" srcId="{73DD8333-1F0B-4452-992A-601B73F02F74}" destId="{AA2FF739-5976-417A-A2B1-C33720527870}" srcOrd="0" destOrd="0" presId="urn:microsoft.com/office/officeart/2005/8/layout/list1"/>
    <dgm:cxn modelId="{18BD676D-1AF6-4190-B42D-28185AB8C211}" type="presParOf" srcId="{73DD8333-1F0B-4452-992A-601B73F02F74}" destId="{E390F710-EF4E-420D-9EDE-9168CFCA25FF}" srcOrd="1" destOrd="0" presId="urn:microsoft.com/office/officeart/2005/8/layout/list1"/>
    <dgm:cxn modelId="{09301170-9080-4B55-9BAB-DCFA869E085C}" type="presParOf" srcId="{04D80ED2-9FEA-4D63-863A-2B140C5FF0CF}" destId="{1F430BC2-5D94-4109-A9DD-D82609471B98}" srcOrd="1" destOrd="0" presId="urn:microsoft.com/office/officeart/2005/8/layout/list1"/>
    <dgm:cxn modelId="{92ADF3E8-8446-42BC-A283-0F4740326232}" type="presParOf" srcId="{04D80ED2-9FEA-4D63-863A-2B140C5FF0CF}" destId="{238102CD-4E56-4A3B-B5F2-C0D39D3F5150}" srcOrd="2" destOrd="0" presId="urn:microsoft.com/office/officeart/2005/8/layout/list1"/>
    <dgm:cxn modelId="{FDA3C522-1A4F-4179-89B5-2C483050E0F6}" type="presParOf" srcId="{04D80ED2-9FEA-4D63-863A-2B140C5FF0CF}" destId="{D6409369-E453-4E8D-AD0C-4CA98C4DDAE6}" srcOrd="3" destOrd="0" presId="urn:microsoft.com/office/officeart/2005/8/layout/list1"/>
    <dgm:cxn modelId="{53B6E7FB-BD90-43E6-AFC6-FE30D5344758}" type="presParOf" srcId="{04D80ED2-9FEA-4D63-863A-2B140C5FF0CF}" destId="{D8EF9B60-05E5-44B5-B20C-3EDA27295ECA}" srcOrd="4" destOrd="0" presId="urn:microsoft.com/office/officeart/2005/8/layout/list1"/>
    <dgm:cxn modelId="{EB9FB540-11B5-49F1-A205-F52E12D3A0D9}" type="presParOf" srcId="{D8EF9B60-05E5-44B5-B20C-3EDA27295ECA}" destId="{E379374C-D7ED-4DAA-8E1E-DE8DD4BA9CF3}" srcOrd="0" destOrd="0" presId="urn:microsoft.com/office/officeart/2005/8/layout/list1"/>
    <dgm:cxn modelId="{20AF9224-DED9-44BB-B3CE-83779228870E}" type="presParOf" srcId="{D8EF9B60-05E5-44B5-B20C-3EDA27295ECA}" destId="{2B5B0EE2-C83E-46D0-89C9-FB42C178A038}" srcOrd="1" destOrd="0" presId="urn:microsoft.com/office/officeart/2005/8/layout/list1"/>
    <dgm:cxn modelId="{8AEBF766-7703-44FC-8305-DCD94F95012B}" type="presParOf" srcId="{04D80ED2-9FEA-4D63-863A-2B140C5FF0CF}" destId="{8FF6999D-1FA9-49BB-9870-0DB2A90800C9}" srcOrd="5" destOrd="0" presId="urn:microsoft.com/office/officeart/2005/8/layout/list1"/>
    <dgm:cxn modelId="{2A45C196-142D-4695-95F9-AB6A7EE7D43E}" type="presParOf" srcId="{04D80ED2-9FEA-4D63-863A-2B140C5FF0CF}" destId="{83D5C9F1-0451-439E-A7CE-DDB826EEDCD2}" srcOrd="6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B6906619-38B3-492C-A76A-ACE00849F28C}" type="doc">
      <dgm:prSet loTypeId="urn:microsoft.com/office/officeart/2005/8/layout/hList2" loCatId="picture" qsTypeId="urn:microsoft.com/office/officeart/2005/8/quickstyle/simple3" qsCatId="simple" csTypeId="urn:microsoft.com/office/officeart/2005/8/colors/accent5_1" csCatId="accent5" phldr="1"/>
      <dgm:spPr/>
    </dgm:pt>
    <dgm:pt modelId="{36B4497D-D8D2-4CBC-A4DD-5271DB4A5081}">
      <dgm:prSet phldrT="[Text]"/>
      <dgm:spPr/>
      <dgm:t>
        <a:bodyPr/>
        <a:lstStyle/>
        <a:p>
          <a:r>
            <a:rPr lang="en-US" b="1" dirty="0"/>
            <a:t>GLOBAL PERSPECTIVE</a:t>
          </a:r>
        </a:p>
      </dgm:t>
    </dgm:pt>
    <dgm:pt modelId="{1EF23226-1EFE-4005-A3B3-7B6F56ECCFA9}" type="parTrans" cxnId="{242D3EEB-DF91-47BB-9698-D7187143B1A5}">
      <dgm:prSet/>
      <dgm:spPr/>
      <dgm:t>
        <a:bodyPr/>
        <a:lstStyle/>
        <a:p>
          <a:endParaRPr lang="en-US"/>
        </a:p>
      </dgm:t>
    </dgm:pt>
    <dgm:pt modelId="{EEDF7202-6347-4CD9-ABDE-FA79CCD62197}" type="sibTrans" cxnId="{242D3EEB-DF91-47BB-9698-D7187143B1A5}">
      <dgm:prSet/>
      <dgm:spPr/>
      <dgm:t>
        <a:bodyPr/>
        <a:lstStyle/>
        <a:p>
          <a:endParaRPr lang="en-US"/>
        </a:p>
      </dgm:t>
    </dgm:pt>
    <dgm:pt modelId="{386004D5-8197-4EE0-B6E1-9387DDC6E996}">
      <dgm:prSet phldrT="[Text]"/>
      <dgm:spPr/>
      <dgm:t>
        <a:bodyPr/>
        <a:lstStyle/>
        <a:p>
          <a:r>
            <a:rPr lang="en-US" b="1" dirty="0"/>
            <a:t>LOCAL PERSPECTIVE</a:t>
          </a:r>
        </a:p>
      </dgm:t>
    </dgm:pt>
    <dgm:pt modelId="{74B4C56B-B0E4-4F32-B776-1A58740F0309}" type="parTrans" cxnId="{27106931-DB2D-40DA-9052-D81F498B7189}">
      <dgm:prSet/>
      <dgm:spPr/>
      <dgm:t>
        <a:bodyPr/>
        <a:lstStyle/>
        <a:p>
          <a:endParaRPr lang="en-US"/>
        </a:p>
      </dgm:t>
    </dgm:pt>
    <dgm:pt modelId="{0EFEDEEA-B688-4F5A-901A-4D1D772A19FF}" type="sibTrans" cxnId="{27106931-DB2D-40DA-9052-D81F498B7189}">
      <dgm:prSet/>
      <dgm:spPr/>
      <dgm:t>
        <a:bodyPr/>
        <a:lstStyle/>
        <a:p>
          <a:endParaRPr lang="en-US"/>
        </a:p>
      </dgm:t>
    </dgm:pt>
    <dgm:pt modelId="{9B750C5A-971C-4798-98BE-8FF2998526D4}">
      <dgm:prSet custT="1"/>
      <dgm:spPr/>
      <dgm:t>
        <a:bodyPr/>
        <a:lstStyle/>
        <a:p>
          <a:pPr marL="173038" indent="-173038">
            <a:buSzPct val="100000"/>
          </a:pPr>
          <a:r>
            <a:rPr lang="en-US" sz="1100" b="1"/>
            <a:t>Booming international trade due to globalization and advancements in transports;</a:t>
          </a:r>
          <a:endParaRPr lang="en-US" sz="1000" b="1" dirty="0"/>
        </a:p>
      </dgm:t>
    </dgm:pt>
    <dgm:pt modelId="{EE9316C5-3920-436A-8AE4-F78A7938AABF}" type="parTrans" cxnId="{B0668EBE-F555-4722-B453-DB46899A7FD8}">
      <dgm:prSet/>
      <dgm:spPr/>
      <dgm:t>
        <a:bodyPr/>
        <a:lstStyle/>
        <a:p>
          <a:endParaRPr lang="en-US"/>
        </a:p>
      </dgm:t>
    </dgm:pt>
    <dgm:pt modelId="{BB746F2E-D279-4BA6-B8D7-C3939CE201BF}" type="sibTrans" cxnId="{B0668EBE-F555-4722-B453-DB46899A7FD8}">
      <dgm:prSet/>
      <dgm:spPr/>
      <dgm:t>
        <a:bodyPr/>
        <a:lstStyle/>
        <a:p>
          <a:endParaRPr lang="en-US"/>
        </a:p>
      </dgm:t>
    </dgm:pt>
    <dgm:pt modelId="{47FB4D2F-BFD9-4FB2-AD82-8545F724BEF1}">
      <dgm:prSet/>
      <dgm:spPr/>
      <dgm:t>
        <a:bodyPr/>
        <a:lstStyle/>
        <a:p>
          <a:pPr marL="57150" indent="0"/>
          <a:endParaRPr lang="en-US" sz="600" dirty="0">
            <a:solidFill>
              <a:schemeClr val="bg2">
                <a:lumMod val="50000"/>
              </a:schemeClr>
            </a:solidFill>
          </a:endParaRPr>
        </a:p>
      </dgm:t>
    </dgm:pt>
    <dgm:pt modelId="{CA205072-E060-4BED-8ADF-875A5C32359F}" type="parTrans" cxnId="{500E62CF-60D9-4728-A824-ABB695293B13}">
      <dgm:prSet/>
      <dgm:spPr/>
      <dgm:t>
        <a:bodyPr/>
        <a:lstStyle/>
        <a:p>
          <a:endParaRPr lang="en-US"/>
        </a:p>
      </dgm:t>
    </dgm:pt>
    <dgm:pt modelId="{C53F59A8-C5D2-4792-8F68-19DAF86A3381}" type="sibTrans" cxnId="{500E62CF-60D9-4728-A824-ABB695293B13}">
      <dgm:prSet/>
      <dgm:spPr/>
      <dgm:t>
        <a:bodyPr/>
        <a:lstStyle/>
        <a:p>
          <a:endParaRPr lang="en-US"/>
        </a:p>
      </dgm:t>
    </dgm:pt>
    <dgm:pt modelId="{DE1F3301-1FA6-4C18-B186-7E4869EAE634}">
      <dgm:prSet custT="1"/>
      <dgm:spPr/>
      <dgm:t>
        <a:bodyPr/>
        <a:lstStyle/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>
              <a:latin typeface="+mn-lt"/>
              <a:ea typeface="+mn-ea"/>
              <a:cs typeface="+mn-cs"/>
            </a:rPr>
            <a:t>Resource constraints such as Human Resources;</a:t>
          </a:r>
          <a:endParaRPr lang="en-US" sz="1100" b="1" kern="1200" dirty="0">
            <a:latin typeface="+mn-lt"/>
            <a:ea typeface="+mn-ea"/>
            <a:cs typeface="+mn-cs"/>
          </a:endParaRPr>
        </a:p>
      </dgm:t>
    </dgm:pt>
    <dgm:pt modelId="{25F113B9-7836-41A3-9A5D-452EB956226F}" type="parTrans" cxnId="{679724E4-B119-4253-8379-C0A17F2A016F}">
      <dgm:prSet/>
      <dgm:spPr/>
      <dgm:t>
        <a:bodyPr/>
        <a:lstStyle/>
        <a:p>
          <a:endParaRPr lang="en-US"/>
        </a:p>
      </dgm:t>
    </dgm:pt>
    <dgm:pt modelId="{B158DA65-D7CE-42C1-9686-3E44FF8F33A3}" type="sibTrans" cxnId="{679724E4-B119-4253-8379-C0A17F2A016F}">
      <dgm:prSet/>
      <dgm:spPr/>
      <dgm:t>
        <a:bodyPr/>
        <a:lstStyle/>
        <a:p>
          <a:endParaRPr lang="en-US"/>
        </a:p>
      </dgm:t>
    </dgm:pt>
    <dgm:pt modelId="{24A6EB1E-F12B-4974-8BBD-2C683C0FB5A9}">
      <dgm:prSet custT="1"/>
      <dgm:spPr/>
      <dgm:t>
        <a:bodyPr/>
        <a:lstStyle/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>
              <a:latin typeface="+mn-lt"/>
              <a:ea typeface="+mn-ea"/>
              <a:cs typeface="+mn-cs"/>
            </a:rPr>
            <a:t>Complex decision-making of Enforcement v/s. Trade Facilitation;</a:t>
          </a:r>
          <a:endParaRPr lang="en-US" sz="1100" b="1" kern="1200" dirty="0">
            <a:latin typeface="+mn-lt"/>
            <a:ea typeface="+mn-ea"/>
            <a:cs typeface="+mn-cs"/>
          </a:endParaRPr>
        </a:p>
      </dgm:t>
    </dgm:pt>
    <dgm:pt modelId="{922EEFA8-21B0-42CD-92BB-FB0E3039E419}" type="parTrans" cxnId="{DFC53049-8729-47D1-91CA-F0709CFF11D5}">
      <dgm:prSet/>
      <dgm:spPr/>
      <dgm:t>
        <a:bodyPr/>
        <a:lstStyle/>
        <a:p>
          <a:endParaRPr lang="en-US"/>
        </a:p>
      </dgm:t>
    </dgm:pt>
    <dgm:pt modelId="{7C72C079-1099-4A13-8A28-5E571B125716}" type="sibTrans" cxnId="{DFC53049-8729-47D1-91CA-F0709CFF11D5}">
      <dgm:prSet/>
      <dgm:spPr/>
      <dgm:t>
        <a:bodyPr/>
        <a:lstStyle/>
        <a:p>
          <a:endParaRPr lang="en-US"/>
        </a:p>
      </dgm:t>
    </dgm:pt>
    <dgm:pt modelId="{5F0E66BB-5C0B-46D8-81CC-97FE4C67454F}">
      <dgm:prSet custT="1"/>
      <dgm:spPr/>
      <dgm:t>
        <a:bodyPr/>
        <a:lstStyle/>
        <a:p>
          <a:pPr marL="57150" lvl="1" indent="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</a:pPr>
          <a:endParaRPr lang="en-US" sz="1100" b="1" kern="1200" dirty="0">
            <a:solidFill>
              <a:schemeClr val="bg2">
                <a:lumMod val="50000"/>
              </a:schemeClr>
            </a:solidFill>
            <a:latin typeface="+mn-lt"/>
          </a:endParaRPr>
        </a:p>
      </dgm:t>
    </dgm:pt>
    <dgm:pt modelId="{095A3174-DD06-4045-8524-AABA7F30E29B}" type="parTrans" cxnId="{99125477-C495-4EEB-B120-6E3ED510B8B0}">
      <dgm:prSet/>
      <dgm:spPr/>
      <dgm:t>
        <a:bodyPr/>
        <a:lstStyle/>
        <a:p>
          <a:endParaRPr lang="en-US"/>
        </a:p>
      </dgm:t>
    </dgm:pt>
    <dgm:pt modelId="{DCEDAB8F-2FD4-4B4E-8010-1B3C236D9798}" type="sibTrans" cxnId="{99125477-C495-4EEB-B120-6E3ED510B8B0}">
      <dgm:prSet/>
      <dgm:spPr/>
      <dgm:t>
        <a:bodyPr/>
        <a:lstStyle/>
        <a:p>
          <a:endParaRPr lang="en-US"/>
        </a:p>
      </dgm:t>
    </dgm:pt>
    <dgm:pt modelId="{531A60DC-4AB7-4493-AA4C-B68BECA428A6}">
      <dgm:prSet custT="1"/>
      <dgm:spPr/>
      <dgm:t>
        <a:bodyPr/>
        <a:lstStyle/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>
              <a:latin typeface="+mn-lt"/>
              <a:ea typeface="+mn-ea"/>
              <a:cs typeface="+mn-cs"/>
            </a:rPr>
            <a:t>Struggle to implement sophisticated systems for customs processing, cargo tracking, and risk assessment;</a:t>
          </a:r>
          <a:endParaRPr lang="en-US" sz="1100" b="1" kern="1200" dirty="0">
            <a:latin typeface="+mn-lt"/>
            <a:ea typeface="+mn-ea"/>
            <a:cs typeface="+mn-cs"/>
          </a:endParaRPr>
        </a:p>
      </dgm:t>
    </dgm:pt>
    <dgm:pt modelId="{FF3D99A2-5575-47D7-B15E-8A0601084076}" type="parTrans" cxnId="{DA6A8455-D47C-41ED-B961-7034DE638E3F}">
      <dgm:prSet/>
      <dgm:spPr/>
      <dgm:t>
        <a:bodyPr/>
        <a:lstStyle/>
        <a:p>
          <a:endParaRPr lang="en-US"/>
        </a:p>
      </dgm:t>
    </dgm:pt>
    <dgm:pt modelId="{CC3F5C42-1D00-4004-BF08-399ADF1AF7ED}" type="sibTrans" cxnId="{DA6A8455-D47C-41ED-B961-7034DE638E3F}">
      <dgm:prSet/>
      <dgm:spPr/>
      <dgm:t>
        <a:bodyPr/>
        <a:lstStyle/>
        <a:p>
          <a:endParaRPr lang="en-US"/>
        </a:p>
      </dgm:t>
    </dgm:pt>
    <dgm:pt modelId="{CEECB056-972A-4189-9E36-671A2C90B273}">
      <dgm:prSet custT="1"/>
      <dgm:spPr/>
      <dgm:t>
        <a:bodyPr/>
        <a:lstStyle/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endParaRPr lang="en-US" sz="1100" b="1" kern="1200" dirty="0">
            <a:solidFill>
              <a:schemeClr val="bg2">
                <a:lumMod val="50000"/>
              </a:schemeClr>
            </a:solidFill>
            <a:latin typeface="+mn-lt"/>
            <a:ea typeface="+mn-ea"/>
            <a:cs typeface="+mn-cs"/>
          </a:endParaRPr>
        </a:p>
      </dgm:t>
    </dgm:pt>
    <dgm:pt modelId="{3A603B6F-919E-471F-80F1-F42C5612332E}" type="parTrans" cxnId="{FBFFA789-22DB-4FE1-874C-4CDABBF40D67}">
      <dgm:prSet/>
      <dgm:spPr/>
      <dgm:t>
        <a:bodyPr/>
        <a:lstStyle/>
        <a:p>
          <a:endParaRPr lang="en-US"/>
        </a:p>
      </dgm:t>
    </dgm:pt>
    <dgm:pt modelId="{52AFF47D-86EA-45CF-AEDE-9E54A5834D7B}" type="sibTrans" cxnId="{FBFFA789-22DB-4FE1-874C-4CDABBF40D67}">
      <dgm:prSet/>
      <dgm:spPr/>
      <dgm:t>
        <a:bodyPr/>
        <a:lstStyle/>
        <a:p>
          <a:endParaRPr lang="en-US"/>
        </a:p>
      </dgm:t>
    </dgm:pt>
    <dgm:pt modelId="{19064D00-C418-40DD-BF78-55885CEA5EAB}">
      <dgm:prSet custT="1"/>
      <dgm:spPr/>
      <dgm:t>
        <a:bodyPr/>
        <a:lstStyle/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>
              <a:latin typeface="+mn-lt"/>
              <a:ea typeface="+mn-ea"/>
              <a:cs typeface="+mn-cs"/>
            </a:rPr>
            <a:t>Awareness about the Machine Learning  and Artificial Intelligence potential (some regions may face challenged while others can</a:t>
          </a:r>
          <a:r>
            <a:rPr lang="en-US" sz="1100" b="1" kern="1200">
              <a:latin typeface="Arial"/>
              <a:ea typeface="+mn-ea"/>
              <a:cs typeface="+mn-cs"/>
            </a:rPr>
            <a:t> implement).</a:t>
          </a:r>
          <a:endParaRPr lang="en-US" sz="1100" b="1" kern="1200" dirty="0">
            <a:latin typeface="Arial"/>
            <a:ea typeface="+mn-ea"/>
            <a:cs typeface="+mn-cs"/>
          </a:endParaRPr>
        </a:p>
      </dgm:t>
    </dgm:pt>
    <dgm:pt modelId="{4186555A-B6E8-4384-8FFB-B27E91FD06E3}" type="parTrans" cxnId="{6AC86ED8-AAA2-4271-B0D6-7B6002ADBF02}">
      <dgm:prSet/>
      <dgm:spPr/>
      <dgm:t>
        <a:bodyPr/>
        <a:lstStyle/>
        <a:p>
          <a:endParaRPr lang="en-US"/>
        </a:p>
      </dgm:t>
    </dgm:pt>
    <dgm:pt modelId="{E5229FC7-1A27-4B7B-AC54-D8B6807369BE}" type="sibTrans" cxnId="{6AC86ED8-AAA2-4271-B0D6-7B6002ADBF02}">
      <dgm:prSet/>
      <dgm:spPr/>
      <dgm:t>
        <a:bodyPr/>
        <a:lstStyle/>
        <a:p>
          <a:endParaRPr lang="en-US"/>
        </a:p>
      </dgm:t>
    </dgm:pt>
    <dgm:pt modelId="{810C7D4F-B016-4FF0-97B0-19BFE0BC8F6E}">
      <dgm:prSet/>
      <dgm:spPr/>
      <dgm:t>
        <a:bodyPr/>
        <a:lstStyle/>
        <a:p>
          <a:pPr marL="57150" lvl="1" indent="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</a:pPr>
          <a:endParaRPr lang="en-US" sz="700" kern="1200" dirty="0"/>
        </a:p>
      </dgm:t>
    </dgm:pt>
    <dgm:pt modelId="{2E581EA9-D9B9-441A-A749-7BAD9D4497CF}" type="parTrans" cxnId="{399344A0-059D-4DCE-BE34-52A452AD9FFF}">
      <dgm:prSet/>
      <dgm:spPr/>
      <dgm:t>
        <a:bodyPr/>
        <a:lstStyle/>
        <a:p>
          <a:endParaRPr lang="en-US"/>
        </a:p>
      </dgm:t>
    </dgm:pt>
    <dgm:pt modelId="{725419F5-DB82-41C7-BE2F-A5B84E8DFCCD}" type="sibTrans" cxnId="{399344A0-059D-4DCE-BE34-52A452AD9FFF}">
      <dgm:prSet/>
      <dgm:spPr/>
      <dgm:t>
        <a:bodyPr/>
        <a:lstStyle/>
        <a:p>
          <a:endParaRPr lang="en-US"/>
        </a:p>
      </dgm:t>
    </dgm:pt>
    <dgm:pt modelId="{8A5F1448-7DD8-42C4-B03C-AFC1E9E05988}">
      <dgm:prSet custT="1"/>
      <dgm:spPr/>
      <dgm:t>
        <a:bodyPr/>
        <a:lstStyle/>
        <a:p>
          <a:pPr marL="173038" indent="-173038">
            <a:buSzPct val="100000"/>
          </a:pPr>
          <a:r>
            <a:rPr lang="en-US" sz="1100" b="1"/>
            <a:t>International supply chains (complex global supply chains and vulnerable to disruptions events such as COVID-19);</a:t>
          </a:r>
          <a:endParaRPr lang="en-US" sz="1100" b="1" dirty="0"/>
        </a:p>
      </dgm:t>
    </dgm:pt>
    <dgm:pt modelId="{0033991D-8B9F-413D-8801-AA5E4609D3C8}" type="sibTrans" cxnId="{6AEA4AA9-927C-4D7C-8808-8D3D4B83FF2D}">
      <dgm:prSet/>
      <dgm:spPr/>
      <dgm:t>
        <a:bodyPr/>
        <a:lstStyle/>
        <a:p>
          <a:endParaRPr lang="en-US"/>
        </a:p>
      </dgm:t>
    </dgm:pt>
    <dgm:pt modelId="{D106F9D1-3AB0-4BAA-8263-22FEAEE2C22D}" type="parTrans" cxnId="{6AEA4AA9-927C-4D7C-8808-8D3D4B83FF2D}">
      <dgm:prSet/>
      <dgm:spPr/>
      <dgm:t>
        <a:bodyPr/>
        <a:lstStyle/>
        <a:p>
          <a:endParaRPr lang="en-US"/>
        </a:p>
      </dgm:t>
    </dgm:pt>
    <dgm:pt modelId="{048ACC31-106C-4290-B9EF-CC7F6888AC2C}">
      <dgm:prSet custT="1"/>
      <dgm:spPr/>
      <dgm:t>
        <a:bodyPr/>
        <a:lstStyle/>
        <a:p>
          <a:pPr marL="173038" indent="-173038">
            <a:buSzPct val="100000"/>
          </a:pPr>
          <a:endParaRPr lang="en-US" sz="1100" b="1" dirty="0">
            <a:solidFill>
              <a:schemeClr val="bg2">
                <a:lumMod val="50000"/>
              </a:schemeClr>
            </a:solidFill>
          </a:endParaRPr>
        </a:p>
      </dgm:t>
    </dgm:pt>
    <dgm:pt modelId="{68727B93-B306-4DEC-8B9C-591F9A2441F1}" type="sibTrans" cxnId="{42623CE6-B7B3-49C9-9C0A-F25BFE26A8D7}">
      <dgm:prSet/>
      <dgm:spPr/>
      <dgm:t>
        <a:bodyPr/>
        <a:lstStyle/>
        <a:p>
          <a:endParaRPr lang="en-US"/>
        </a:p>
      </dgm:t>
    </dgm:pt>
    <dgm:pt modelId="{C062D041-63C0-41F7-A144-D59F1BDB974C}" type="parTrans" cxnId="{42623CE6-B7B3-49C9-9C0A-F25BFE26A8D7}">
      <dgm:prSet/>
      <dgm:spPr/>
      <dgm:t>
        <a:bodyPr/>
        <a:lstStyle/>
        <a:p>
          <a:endParaRPr lang="en-US"/>
        </a:p>
      </dgm:t>
    </dgm:pt>
    <dgm:pt modelId="{9B75E47E-EBED-4669-A7ED-46C388747503}">
      <dgm:prSet custT="1"/>
      <dgm:spPr/>
      <dgm:t>
        <a:bodyPr/>
        <a:lstStyle/>
        <a:p>
          <a:pPr marL="173038" indent="-173038">
            <a:buSzPct val="100000"/>
          </a:pPr>
          <a:r>
            <a:rPr lang="en-US" sz="1100" b="1"/>
            <a:t>Increase in trade facilitation demands and measures;</a:t>
          </a:r>
          <a:endParaRPr lang="en-US" sz="1100" b="1" dirty="0"/>
        </a:p>
      </dgm:t>
    </dgm:pt>
    <dgm:pt modelId="{C3721C39-0382-4B39-B21B-68434426BF54}" type="sibTrans" cxnId="{B7BD3C64-C05A-4A9C-A6B5-1CE94815F90E}">
      <dgm:prSet/>
      <dgm:spPr/>
      <dgm:t>
        <a:bodyPr/>
        <a:lstStyle/>
        <a:p>
          <a:endParaRPr lang="en-US"/>
        </a:p>
      </dgm:t>
    </dgm:pt>
    <dgm:pt modelId="{78BA5DB8-7233-491D-ABDC-7FA5390E6167}" type="parTrans" cxnId="{B7BD3C64-C05A-4A9C-A6B5-1CE94815F90E}">
      <dgm:prSet/>
      <dgm:spPr/>
      <dgm:t>
        <a:bodyPr/>
        <a:lstStyle/>
        <a:p>
          <a:endParaRPr lang="en-US"/>
        </a:p>
      </dgm:t>
    </dgm:pt>
    <dgm:pt modelId="{64EDF5F4-59B6-44F3-8F76-95F1E8B6EF79}">
      <dgm:prSet custT="1"/>
      <dgm:spPr/>
      <dgm:t>
        <a:bodyPr/>
        <a:lstStyle/>
        <a:p>
          <a:pPr marL="173038" indent="-173038">
            <a:buSzPct val="100000"/>
          </a:pPr>
          <a:endParaRPr lang="en-US" sz="1100" b="1" dirty="0">
            <a:solidFill>
              <a:schemeClr val="bg2">
                <a:lumMod val="50000"/>
              </a:schemeClr>
            </a:solidFill>
          </a:endParaRPr>
        </a:p>
      </dgm:t>
    </dgm:pt>
    <dgm:pt modelId="{853B698C-B947-4529-A235-D0C727124BBA}" type="sibTrans" cxnId="{BE002954-D01A-41A9-B283-326CB547FC29}">
      <dgm:prSet/>
      <dgm:spPr/>
      <dgm:t>
        <a:bodyPr/>
        <a:lstStyle/>
        <a:p>
          <a:endParaRPr lang="en-US"/>
        </a:p>
      </dgm:t>
    </dgm:pt>
    <dgm:pt modelId="{CBA65FB6-20F2-4436-9BAB-D403BF3962CF}" type="parTrans" cxnId="{BE002954-D01A-41A9-B283-326CB547FC29}">
      <dgm:prSet/>
      <dgm:spPr/>
      <dgm:t>
        <a:bodyPr/>
        <a:lstStyle/>
        <a:p>
          <a:endParaRPr lang="en-US"/>
        </a:p>
      </dgm:t>
    </dgm:pt>
    <dgm:pt modelId="{6395969F-E628-4DFB-A63D-C59BAF52E903}">
      <dgm:prSet custT="1"/>
      <dgm:spPr/>
      <dgm:t>
        <a:bodyPr/>
        <a:lstStyle/>
        <a:p>
          <a:pPr marL="173038" indent="-173038">
            <a:buSzPct val="100000"/>
          </a:pPr>
          <a:r>
            <a:rPr lang="en-US" sz="1100" b="1"/>
            <a:t>AI revolution as AI is employed to optimize supply chains, enhance logistics, and improve decision-making processes.</a:t>
          </a:r>
          <a:endParaRPr lang="en-US" sz="1100" b="1" dirty="0"/>
        </a:p>
      </dgm:t>
    </dgm:pt>
    <dgm:pt modelId="{DD53157C-7A18-48FE-ADEE-F2DB9F3D34A6}" type="sibTrans" cxnId="{2DE0E1D8-AEBF-4785-BF72-FB9FD3C88E16}">
      <dgm:prSet/>
      <dgm:spPr/>
      <dgm:t>
        <a:bodyPr/>
        <a:lstStyle/>
        <a:p>
          <a:endParaRPr lang="en-US"/>
        </a:p>
      </dgm:t>
    </dgm:pt>
    <dgm:pt modelId="{80FFF49A-3B43-43B8-B7EF-5C7C467F9153}" type="parTrans" cxnId="{2DE0E1D8-AEBF-4785-BF72-FB9FD3C88E16}">
      <dgm:prSet/>
      <dgm:spPr/>
      <dgm:t>
        <a:bodyPr/>
        <a:lstStyle/>
        <a:p>
          <a:endParaRPr lang="en-US"/>
        </a:p>
      </dgm:t>
    </dgm:pt>
    <dgm:pt modelId="{52B234AD-FE60-48C9-95B9-373DFBA478BE}">
      <dgm:prSet custT="1"/>
      <dgm:spPr/>
      <dgm:t>
        <a:bodyPr/>
        <a:lstStyle/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endParaRPr lang="en-US" sz="1100" b="1" kern="1200" dirty="0">
            <a:solidFill>
              <a:schemeClr val="bg2">
                <a:lumMod val="50000"/>
              </a:schemeClr>
            </a:solidFill>
            <a:latin typeface="+mn-lt"/>
            <a:ea typeface="+mn-ea"/>
            <a:cs typeface="+mn-cs"/>
          </a:endParaRPr>
        </a:p>
      </dgm:t>
    </dgm:pt>
    <dgm:pt modelId="{B40A4928-9E89-4AF6-B991-0194F4600768}" type="parTrans" cxnId="{498B19BD-79A2-4B4E-A342-CC9328D55F2E}">
      <dgm:prSet/>
      <dgm:spPr/>
      <dgm:t>
        <a:bodyPr/>
        <a:lstStyle/>
        <a:p>
          <a:endParaRPr lang="en-US"/>
        </a:p>
      </dgm:t>
    </dgm:pt>
    <dgm:pt modelId="{46BD080B-20C5-4C93-973B-535027A0E418}" type="sibTrans" cxnId="{498B19BD-79A2-4B4E-A342-CC9328D55F2E}">
      <dgm:prSet/>
      <dgm:spPr/>
      <dgm:t>
        <a:bodyPr/>
        <a:lstStyle/>
        <a:p>
          <a:endParaRPr lang="en-US"/>
        </a:p>
      </dgm:t>
    </dgm:pt>
    <dgm:pt modelId="{59CC143B-D2A5-4A6B-A1C9-B771D9EF95AB}">
      <dgm:prSet custT="1"/>
      <dgm:spPr/>
      <dgm:t>
        <a:bodyPr/>
        <a:lstStyle/>
        <a:p>
          <a:pPr marL="173038" indent="-173038">
            <a:buSzPct val="100000"/>
          </a:pPr>
          <a:endParaRPr lang="en-US" sz="1100" b="1" dirty="0">
            <a:solidFill>
              <a:schemeClr val="bg2">
                <a:lumMod val="50000"/>
              </a:schemeClr>
            </a:solidFill>
          </a:endParaRPr>
        </a:p>
      </dgm:t>
    </dgm:pt>
    <dgm:pt modelId="{A006BE27-B9B4-4A87-A0AE-FE2A6FC89CF5}" type="parTrans" cxnId="{3FD9E1BE-1933-4540-A20A-F5F19809F907}">
      <dgm:prSet/>
      <dgm:spPr/>
      <dgm:t>
        <a:bodyPr/>
        <a:lstStyle/>
        <a:p>
          <a:endParaRPr lang="en-US"/>
        </a:p>
      </dgm:t>
    </dgm:pt>
    <dgm:pt modelId="{5FBF390D-66C7-4336-A3F0-3CC6C0FE440C}" type="sibTrans" cxnId="{3FD9E1BE-1933-4540-A20A-F5F19809F907}">
      <dgm:prSet/>
      <dgm:spPr/>
      <dgm:t>
        <a:bodyPr/>
        <a:lstStyle/>
        <a:p>
          <a:endParaRPr lang="en-US"/>
        </a:p>
      </dgm:t>
    </dgm:pt>
    <dgm:pt modelId="{5E04D0E2-39DA-450B-830F-AED5E40DD5B3}" type="pres">
      <dgm:prSet presAssocID="{B6906619-38B3-492C-A76A-ACE00849F28C}" presName="linearFlow" presStyleCnt="0">
        <dgm:presLayoutVars>
          <dgm:dir/>
          <dgm:animLvl val="lvl"/>
          <dgm:resizeHandles/>
        </dgm:presLayoutVars>
      </dgm:prSet>
      <dgm:spPr/>
    </dgm:pt>
    <dgm:pt modelId="{54E101A7-A293-46DA-A708-4C627B2CDA19}" type="pres">
      <dgm:prSet presAssocID="{36B4497D-D8D2-4CBC-A4DD-5271DB4A5081}" presName="compositeNode" presStyleCnt="0">
        <dgm:presLayoutVars>
          <dgm:bulletEnabled val="1"/>
        </dgm:presLayoutVars>
      </dgm:prSet>
      <dgm:spPr/>
    </dgm:pt>
    <dgm:pt modelId="{A209F76B-4004-407B-AF1C-225C2AA35D71}" type="pres">
      <dgm:prSet presAssocID="{36B4497D-D8D2-4CBC-A4DD-5271DB4A5081}" presName="image" presStyleLbl="fgImgPlace1" presStyleIdx="0" presStyleCnt="2"/>
      <dgm:spPr>
        <a:blipFill rotWithShape="1">
          <a:blip xmlns:r="http://schemas.openxmlformats.org/officeDocument/2006/relationships" r:embed="rId1">
            <a:alphaModFix/>
          </a:blip>
          <a:srcRect/>
          <a:stretch>
            <a:fillRect l="-21000" r="-21000"/>
          </a:stretch>
        </a:blipFill>
      </dgm:spPr>
    </dgm:pt>
    <dgm:pt modelId="{0D3CA9FE-2C44-433C-984A-1E6870368EE3}" type="pres">
      <dgm:prSet presAssocID="{36B4497D-D8D2-4CBC-A4DD-5271DB4A5081}" presName="childNode" presStyleLbl="node1" presStyleIdx="0" presStyleCnt="2">
        <dgm:presLayoutVars>
          <dgm:bulletEnabled val="1"/>
        </dgm:presLayoutVars>
      </dgm:prSet>
      <dgm:spPr/>
    </dgm:pt>
    <dgm:pt modelId="{3C77AC0A-8619-46A7-B05D-3E55D77AC4A9}" type="pres">
      <dgm:prSet presAssocID="{36B4497D-D8D2-4CBC-A4DD-5271DB4A5081}" presName="parentNode" presStyleLbl="revTx" presStyleIdx="0" presStyleCnt="2">
        <dgm:presLayoutVars>
          <dgm:chMax val="0"/>
          <dgm:bulletEnabled val="1"/>
        </dgm:presLayoutVars>
      </dgm:prSet>
      <dgm:spPr/>
    </dgm:pt>
    <dgm:pt modelId="{21C4E186-1531-4277-BA34-4DD1EF2C7F4F}" type="pres">
      <dgm:prSet presAssocID="{EEDF7202-6347-4CD9-ABDE-FA79CCD62197}" presName="sibTrans" presStyleCnt="0"/>
      <dgm:spPr/>
    </dgm:pt>
    <dgm:pt modelId="{D2BD12C7-5F8D-4EB8-9F1A-F71582BEECEA}" type="pres">
      <dgm:prSet presAssocID="{386004D5-8197-4EE0-B6E1-9387DDC6E996}" presName="compositeNode" presStyleCnt="0">
        <dgm:presLayoutVars>
          <dgm:bulletEnabled val="1"/>
        </dgm:presLayoutVars>
      </dgm:prSet>
      <dgm:spPr/>
    </dgm:pt>
    <dgm:pt modelId="{4F95A0FA-F4E5-4C25-B2EC-AD8850F51184}" type="pres">
      <dgm:prSet presAssocID="{386004D5-8197-4EE0-B6E1-9387DDC6E996}" presName="image" presStyleLbl="fgImgPlace1" presStyleIdx="1" presStyleCnt="2"/>
      <dgm:spPr>
        <a:blipFill rotWithShape="1">
          <a:blip xmlns:r="http://schemas.openxmlformats.org/officeDocument/2006/relationships" r:embed="rId2">
            <a:alphaModFix/>
          </a:blip>
          <a:srcRect/>
          <a:stretch>
            <a:fillRect l="-1000" r="-1000"/>
          </a:stretch>
        </a:blipFill>
      </dgm:spPr>
    </dgm:pt>
    <dgm:pt modelId="{7DFE6C13-0E17-4FED-8BAB-6DB1D77CF59F}" type="pres">
      <dgm:prSet presAssocID="{386004D5-8197-4EE0-B6E1-9387DDC6E996}" presName="childNode" presStyleLbl="node1" presStyleIdx="1" presStyleCnt="2">
        <dgm:presLayoutVars>
          <dgm:bulletEnabled val="1"/>
        </dgm:presLayoutVars>
      </dgm:prSet>
      <dgm:spPr/>
    </dgm:pt>
    <dgm:pt modelId="{808A6BC1-7708-4CD0-A143-ADCCA361EDC8}" type="pres">
      <dgm:prSet presAssocID="{386004D5-8197-4EE0-B6E1-9387DDC6E996}" presName="parentNode" presStyleLbl="revTx" presStyleIdx="1" presStyleCnt="2">
        <dgm:presLayoutVars>
          <dgm:chMax val="0"/>
          <dgm:bulletEnabled val="1"/>
        </dgm:presLayoutVars>
      </dgm:prSet>
      <dgm:spPr/>
    </dgm:pt>
  </dgm:ptLst>
  <dgm:cxnLst>
    <dgm:cxn modelId="{4ED21417-F309-401F-89A1-CD69F9483C12}" type="presOf" srcId="{B6906619-38B3-492C-A76A-ACE00849F28C}" destId="{5E04D0E2-39DA-450B-830F-AED5E40DD5B3}" srcOrd="0" destOrd="0" presId="urn:microsoft.com/office/officeart/2005/8/layout/hList2"/>
    <dgm:cxn modelId="{717FCC1A-39F1-4FC0-9BCF-F3EAFF79162A}" type="presOf" srcId="{36B4497D-D8D2-4CBC-A4DD-5271DB4A5081}" destId="{3C77AC0A-8619-46A7-B05D-3E55D77AC4A9}" srcOrd="0" destOrd="0" presId="urn:microsoft.com/office/officeart/2005/8/layout/hList2"/>
    <dgm:cxn modelId="{4874711B-E40A-4283-8D52-6FC2F87CC5C6}" type="presOf" srcId="{47FB4D2F-BFD9-4FB2-AD82-8545F724BEF1}" destId="{0D3CA9FE-2C44-433C-984A-1E6870368EE3}" srcOrd="0" destOrd="7" presId="urn:microsoft.com/office/officeart/2005/8/layout/hList2"/>
    <dgm:cxn modelId="{8D6AA42B-D7ED-46C1-99AA-98DA934A2A47}" type="presOf" srcId="{531A60DC-4AB7-4493-AA4C-B68BECA428A6}" destId="{7DFE6C13-0E17-4FED-8BAB-6DB1D77CF59F}" srcOrd="0" destOrd="4" presId="urn:microsoft.com/office/officeart/2005/8/layout/hList2"/>
    <dgm:cxn modelId="{4C27F52D-B533-4363-9DE4-D6D0AA6B20EF}" type="presOf" srcId="{6395969F-E628-4DFB-A63D-C59BAF52E903}" destId="{0D3CA9FE-2C44-433C-984A-1E6870368EE3}" srcOrd="0" destOrd="6" presId="urn:microsoft.com/office/officeart/2005/8/layout/hList2"/>
    <dgm:cxn modelId="{27106931-DB2D-40DA-9052-D81F498B7189}" srcId="{B6906619-38B3-492C-A76A-ACE00849F28C}" destId="{386004D5-8197-4EE0-B6E1-9387DDC6E996}" srcOrd="1" destOrd="0" parTransId="{74B4C56B-B0E4-4F32-B776-1A58740F0309}" sibTransId="{0EFEDEEA-B688-4F5A-901A-4D1D772A19FF}"/>
    <dgm:cxn modelId="{6F683638-0DA2-4098-AF9E-1D5EB4B377B2}" type="presOf" srcId="{64EDF5F4-59B6-44F3-8F76-95F1E8B6EF79}" destId="{0D3CA9FE-2C44-433C-984A-1E6870368EE3}" srcOrd="0" destOrd="5" presId="urn:microsoft.com/office/officeart/2005/8/layout/hList2"/>
    <dgm:cxn modelId="{3B23D33A-60F2-4B99-8D44-77FDBCF222D6}" type="presOf" srcId="{386004D5-8197-4EE0-B6E1-9387DDC6E996}" destId="{808A6BC1-7708-4CD0-A143-ADCCA361EDC8}" srcOrd="0" destOrd="0" presId="urn:microsoft.com/office/officeart/2005/8/layout/hList2"/>
    <dgm:cxn modelId="{F9725D40-4822-46A6-A6ED-F3354A65355E}" type="presOf" srcId="{DE1F3301-1FA6-4C18-B186-7E4869EAE634}" destId="{7DFE6C13-0E17-4FED-8BAB-6DB1D77CF59F}" srcOrd="0" destOrd="0" presId="urn:microsoft.com/office/officeart/2005/8/layout/hList2"/>
    <dgm:cxn modelId="{0578585B-1058-4282-AD99-8B807EA26DA9}" type="presOf" srcId="{CEECB056-972A-4189-9E36-671A2C90B273}" destId="{7DFE6C13-0E17-4FED-8BAB-6DB1D77CF59F}" srcOrd="0" destOrd="5" presId="urn:microsoft.com/office/officeart/2005/8/layout/hList2"/>
    <dgm:cxn modelId="{E49DE95F-3EED-4BC6-BC48-09F4679F1F4C}" type="presOf" srcId="{59CC143B-D2A5-4A6B-A1C9-B771D9EF95AB}" destId="{0D3CA9FE-2C44-433C-984A-1E6870368EE3}" srcOrd="0" destOrd="1" presId="urn:microsoft.com/office/officeart/2005/8/layout/hList2"/>
    <dgm:cxn modelId="{B7BD3C64-C05A-4A9C-A6B5-1CE94815F90E}" srcId="{36B4497D-D8D2-4CBC-A4DD-5271DB4A5081}" destId="{9B75E47E-EBED-4669-A7ED-46C388747503}" srcOrd="4" destOrd="0" parTransId="{78BA5DB8-7233-491D-ABDC-7FA5390E6167}" sibTransId="{C3721C39-0382-4B39-B21B-68434426BF54}"/>
    <dgm:cxn modelId="{DFC53049-8729-47D1-91CA-F0709CFF11D5}" srcId="{386004D5-8197-4EE0-B6E1-9387DDC6E996}" destId="{24A6EB1E-F12B-4974-8BBD-2C683C0FB5A9}" srcOrd="2" destOrd="0" parTransId="{922EEFA8-21B0-42CD-92BB-FB0E3039E419}" sibTransId="{7C72C079-1099-4A13-8A28-5E571B125716}"/>
    <dgm:cxn modelId="{CF652C4A-9B6E-4A18-A27B-6C48C7F8BA5F}" type="presOf" srcId="{048ACC31-106C-4290-B9EF-CC7F6888AC2C}" destId="{0D3CA9FE-2C44-433C-984A-1E6870368EE3}" srcOrd="0" destOrd="3" presId="urn:microsoft.com/office/officeart/2005/8/layout/hList2"/>
    <dgm:cxn modelId="{278A486A-61F1-4BCF-9BFE-A3F05FEEED09}" type="presOf" srcId="{9B75E47E-EBED-4669-A7ED-46C388747503}" destId="{0D3CA9FE-2C44-433C-984A-1E6870368EE3}" srcOrd="0" destOrd="4" presId="urn:microsoft.com/office/officeart/2005/8/layout/hList2"/>
    <dgm:cxn modelId="{68A6856B-2614-4449-9908-2AD36A424F5D}" type="presOf" srcId="{9B750C5A-971C-4798-98BE-8FF2998526D4}" destId="{0D3CA9FE-2C44-433C-984A-1E6870368EE3}" srcOrd="0" destOrd="0" presId="urn:microsoft.com/office/officeart/2005/8/layout/hList2"/>
    <dgm:cxn modelId="{D54F794F-42FF-4D67-A3ED-0226A7C4CFFE}" type="presOf" srcId="{8A5F1448-7DD8-42C4-B03C-AFC1E9E05988}" destId="{0D3CA9FE-2C44-433C-984A-1E6870368EE3}" srcOrd="0" destOrd="2" presId="urn:microsoft.com/office/officeart/2005/8/layout/hList2"/>
    <dgm:cxn modelId="{BFD5BA50-5544-485D-B0F5-21B8D74E90B9}" type="presOf" srcId="{19064D00-C418-40DD-BF78-55885CEA5EAB}" destId="{7DFE6C13-0E17-4FED-8BAB-6DB1D77CF59F}" srcOrd="0" destOrd="6" presId="urn:microsoft.com/office/officeart/2005/8/layout/hList2"/>
    <dgm:cxn modelId="{BE002954-D01A-41A9-B283-326CB547FC29}" srcId="{36B4497D-D8D2-4CBC-A4DD-5271DB4A5081}" destId="{64EDF5F4-59B6-44F3-8F76-95F1E8B6EF79}" srcOrd="5" destOrd="0" parTransId="{CBA65FB6-20F2-4436-9BAB-D403BF3962CF}" sibTransId="{853B698C-B947-4529-A235-D0C727124BBA}"/>
    <dgm:cxn modelId="{DA6A8455-D47C-41ED-B961-7034DE638E3F}" srcId="{386004D5-8197-4EE0-B6E1-9387DDC6E996}" destId="{531A60DC-4AB7-4493-AA4C-B68BECA428A6}" srcOrd="4" destOrd="0" parTransId="{FF3D99A2-5575-47D7-B15E-8A0601084076}" sibTransId="{CC3F5C42-1D00-4004-BF08-399ADF1AF7ED}"/>
    <dgm:cxn modelId="{99125477-C495-4EEB-B120-6E3ED510B8B0}" srcId="{386004D5-8197-4EE0-B6E1-9387DDC6E996}" destId="{5F0E66BB-5C0B-46D8-81CC-97FE4C67454F}" srcOrd="3" destOrd="0" parTransId="{095A3174-DD06-4045-8524-AABA7F30E29B}" sibTransId="{DCEDAB8F-2FD4-4B4E-8010-1B3C236D9798}"/>
    <dgm:cxn modelId="{FBFFA789-22DB-4FE1-874C-4CDABBF40D67}" srcId="{386004D5-8197-4EE0-B6E1-9387DDC6E996}" destId="{CEECB056-972A-4189-9E36-671A2C90B273}" srcOrd="5" destOrd="0" parTransId="{3A603B6F-919E-471F-80F1-F42C5612332E}" sibTransId="{52AFF47D-86EA-45CF-AEDE-9E54A5834D7B}"/>
    <dgm:cxn modelId="{348DC891-E774-4253-B5C6-7BF0C1E79009}" type="presOf" srcId="{5F0E66BB-5C0B-46D8-81CC-97FE4C67454F}" destId="{7DFE6C13-0E17-4FED-8BAB-6DB1D77CF59F}" srcOrd="0" destOrd="3" presId="urn:microsoft.com/office/officeart/2005/8/layout/hList2"/>
    <dgm:cxn modelId="{399344A0-059D-4DCE-BE34-52A452AD9FFF}" srcId="{386004D5-8197-4EE0-B6E1-9387DDC6E996}" destId="{810C7D4F-B016-4FF0-97B0-19BFE0BC8F6E}" srcOrd="7" destOrd="0" parTransId="{2E581EA9-D9B9-441A-A749-7BAD9D4497CF}" sibTransId="{725419F5-DB82-41C7-BE2F-A5B84E8DFCCD}"/>
    <dgm:cxn modelId="{F8FBACA0-F699-40E1-B7DD-51339054BC94}" type="presOf" srcId="{24A6EB1E-F12B-4974-8BBD-2C683C0FB5A9}" destId="{7DFE6C13-0E17-4FED-8BAB-6DB1D77CF59F}" srcOrd="0" destOrd="2" presId="urn:microsoft.com/office/officeart/2005/8/layout/hList2"/>
    <dgm:cxn modelId="{5F615CA1-A1A1-47B0-81B8-CC736C26CA4A}" type="presOf" srcId="{810C7D4F-B016-4FF0-97B0-19BFE0BC8F6E}" destId="{7DFE6C13-0E17-4FED-8BAB-6DB1D77CF59F}" srcOrd="0" destOrd="7" presId="urn:microsoft.com/office/officeart/2005/8/layout/hList2"/>
    <dgm:cxn modelId="{6AEA4AA9-927C-4D7C-8808-8D3D4B83FF2D}" srcId="{36B4497D-D8D2-4CBC-A4DD-5271DB4A5081}" destId="{8A5F1448-7DD8-42C4-B03C-AFC1E9E05988}" srcOrd="2" destOrd="0" parTransId="{D106F9D1-3AB0-4BAA-8263-22FEAEE2C22D}" sibTransId="{0033991D-8B9F-413D-8801-AA5E4609D3C8}"/>
    <dgm:cxn modelId="{700C54AE-83B9-41F8-900B-284178F28F77}" type="presOf" srcId="{52B234AD-FE60-48C9-95B9-373DFBA478BE}" destId="{7DFE6C13-0E17-4FED-8BAB-6DB1D77CF59F}" srcOrd="0" destOrd="1" presId="urn:microsoft.com/office/officeart/2005/8/layout/hList2"/>
    <dgm:cxn modelId="{498B19BD-79A2-4B4E-A342-CC9328D55F2E}" srcId="{386004D5-8197-4EE0-B6E1-9387DDC6E996}" destId="{52B234AD-FE60-48C9-95B9-373DFBA478BE}" srcOrd="1" destOrd="0" parTransId="{B40A4928-9E89-4AF6-B991-0194F4600768}" sibTransId="{46BD080B-20C5-4C93-973B-535027A0E418}"/>
    <dgm:cxn modelId="{B0668EBE-F555-4722-B453-DB46899A7FD8}" srcId="{36B4497D-D8D2-4CBC-A4DD-5271DB4A5081}" destId="{9B750C5A-971C-4798-98BE-8FF2998526D4}" srcOrd="0" destOrd="0" parTransId="{EE9316C5-3920-436A-8AE4-F78A7938AABF}" sibTransId="{BB746F2E-D279-4BA6-B8D7-C3939CE201BF}"/>
    <dgm:cxn modelId="{3FD9E1BE-1933-4540-A20A-F5F19809F907}" srcId="{36B4497D-D8D2-4CBC-A4DD-5271DB4A5081}" destId="{59CC143B-D2A5-4A6B-A1C9-B771D9EF95AB}" srcOrd="1" destOrd="0" parTransId="{A006BE27-B9B4-4A87-A0AE-FE2A6FC89CF5}" sibTransId="{5FBF390D-66C7-4336-A3F0-3CC6C0FE440C}"/>
    <dgm:cxn modelId="{500E62CF-60D9-4728-A824-ABB695293B13}" srcId="{36B4497D-D8D2-4CBC-A4DD-5271DB4A5081}" destId="{47FB4D2F-BFD9-4FB2-AD82-8545F724BEF1}" srcOrd="7" destOrd="0" parTransId="{CA205072-E060-4BED-8ADF-875A5C32359F}" sibTransId="{C53F59A8-C5D2-4792-8F68-19DAF86A3381}"/>
    <dgm:cxn modelId="{6AC86ED8-AAA2-4271-B0D6-7B6002ADBF02}" srcId="{386004D5-8197-4EE0-B6E1-9387DDC6E996}" destId="{19064D00-C418-40DD-BF78-55885CEA5EAB}" srcOrd="6" destOrd="0" parTransId="{4186555A-B6E8-4384-8FFB-B27E91FD06E3}" sibTransId="{E5229FC7-1A27-4B7B-AC54-D8B6807369BE}"/>
    <dgm:cxn modelId="{2DE0E1D8-AEBF-4785-BF72-FB9FD3C88E16}" srcId="{36B4497D-D8D2-4CBC-A4DD-5271DB4A5081}" destId="{6395969F-E628-4DFB-A63D-C59BAF52E903}" srcOrd="6" destOrd="0" parTransId="{80FFF49A-3B43-43B8-B7EF-5C7C467F9153}" sibTransId="{DD53157C-7A18-48FE-ADEE-F2DB9F3D34A6}"/>
    <dgm:cxn modelId="{679724E4-B119-4253-8379-C0A17F2A016F}" srcId="{386004D5-8197-4EE0-B6E1-9387DDC6E996}" destId="{DE1F3301-1FA6-4C18-B186-7E4869EAE634}" srcOrd="0" destOrd="0" parTransId="{25F113B9-7836-41A3-9A5D-452EB956226F}" sibTransId="{B158DA65-D7CE-42C1-9686-3E44FF8F33A3}"/>
    <dgm:cxn modelId="{42623CE6-B7B3-49C9-9C0A-F25BFE26A8D7}" srcId="{36B4497D-D8D2-4CBC-A4DD-5271DB4A5081}" destId="{048ACC31-106C-4290-B9EF-CC7F6888AC2C}" srcOrd="3" destOrd="0" parTransId="{C062D041-63C0-41F7-A144-D59F1BDB974C}" sibTransId="{68727B93-B306-4DEC-8B9C-591F9A2441F1}"/>
    <dgm:cxn modelId="{242D3EEB-DF91-47BB-9698-D7187143B1A5}" srcId="{B6906619-38B3-492C-A76A-ACE00849F28C}" destId="{36B4497D-D8D2-4CBC-A4DD-5271DB4A5081}" srcOrd="0" destOrd="0" parTransId="{1EF23226-1EFE-4005-A3B3-7B6F56ECCFA9}" sibTransId="{EEDF7202-6347-4CD9-ABDE-FA79CCD62197}"/>
    <dgm:cxn modelId="{05FE6765-6BAE-4321-94AB-151390372092}" type="presParOf" srcId="{5E04D0E2-39DA-450B-830F-AED5E40DD5B3}" destId="{54E101A7-A293-46DA-A708-4C627B2CDA19}" srcOrd="0" destOrd="0" presId="urn:microsoft.com/office/officeart/2005/8/layout/hList2"/>
    <dgm:cxn modelId="{C68488CA-B5C3-4416-A8CC-8B47259FC59D}" type="presParOf" srcId="{54E101A7-A293-46DA-A708-4C627B2CDA19}" destId="{A209F76B-4004-407B-AF1C-225C2AA35D71}" srcOrd="0" destOrd="0" presId="urn:microsoft.com/office/officeart/2005/8/layout/hList2"/>
    <dgm:cxn modelId="{80224812-9FAD-4F20-9EAD-CDC672A7FB65}" type="presParOf" srcId="{54E101A7-A293-46DA-A708-4C627B2CDA19}" destId="{0D3CA9FE-2C44-433C-984A-1E6870368EE3}" srcOrd="1" destOrd="0" presId="urn:microsoft.com/office/officeart/2005/8/layout/hList2"/>
    <dgm:cxn modelId="{6CDB100B-A5BD-4BB9-8E2F-49ED291B1F8C}" type="presParOf" srcId="{54E101A7-A293-46DA-A708-4C627B2CDA19}" destId="{3C77AC0A-8619-46A7-B05D-3E55D77AC4A9}" srcOrd="2" destOrd="0" presId="urn:microsoft.com/office/officeart/2005/8/layout/hList2"/>
    <dgm:cxn modelId="{D4D56FA2-2ABD-4E0E-A510-19A0252AC9F1}" type="presParOf" srcId="{5E04D0E2-39DA-450B-830F-AED5E40DD5B3}" destId="{21C4E186-1531-4277-BA34-4DD1EF2C7F4F}" srcOrd="1" destOrd="0" presId="urn:microsoft.com/office/officeart/2005/8/layout/hList2"/>
    <dgm:cxn modelId="{E628ECE7-C164-4C8E-A09A-D3B82C99FA53}" type="presParOf" srcId="{5E04D0E2-39DA-450B-830F-AED5E40DD5B3}" destId="{D2BD12C7-5F8D-4EB8-9F1A-F71582BEECEA}" srcOrd="2" destOrd="0" presId="urn:microsoft.com/office/officeart/2005/8/layout/hList2"/>
    <dgm:cxn modelId="{2BF6116B-9F4E-4FC0-8C74-C23CF956FF6D}" type="presParOf" srcId="{D2BD12C7-5F8D-4EB8-9F1A-F71582BEECEA}" destId="{4F95A0FA-F4E5-4C25-B2EC-AD8850F51184}" srcOrd="0" destOrd="0" presId="urn:microsoft.com/office/officeart/2005/8/layout/hList2"/>
    <dgm:cxn modelId="{0FE88896-A21A-4264-B6EE-96E19BBE1773}" type="presParOf" srcId="{D2BD12C7-5F8D-4EB8-9F1A-F71582BEECEA}" destId="{7DFE6C13-0E17-4FED-8BAB-6DB1D77CF59F}" srcOrd="1" destOrd="0" presId="urn:microsoft.com/office/officeart/2005/8/layout/hList2"/>
    <dgm:cxn modelId="{6E190645-4F64-4A66-AB84-123ECABDF685}" type="presParOf" srcId="{D2BD12C7-5F8D-4EB8-9F1A-F71582BEECEA}" destId="{808A6BC1-7708-4CD0-A143-ADCCA361EDC8}" srcOrd="2" destOrd="0" presId="urn:microsoft.com/office/officeart/2005/8/layout/hList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9B302732-BB90-4D0A-9B0C-5D869B2F95EA}" type="doc">
      <dgm:prSet loTypeId="urn:microsoft.com/office/officeart/2005/8/layout/hList9" loCatId="list" qsTypeId="urn:microsoft.com/office/officeart/2005/8/quickstyle/simple2" qsCatId="simple" csTypeId="urn:microsoft.com/office/officeart/2005/8/colors/accent5_4" csCatId="accent5" phldr="1"/>
      <dgm:spPr/>
      <dgm:t>
        <a:bodyPr/>
        <a:lstStyle/>
        <a:p>
          <a:endParaRPr lang="en-US"/>
        </a:p>
      </dgm:t>
    </dgm:pt>
    <dgm:pt modelId="{A09E4154-8D83-4AF6-A07A-2A27E98B9B8F}">
      <dgm:prSet phldrT="[Text]" custT="1"/>
      <dgm:spPr/>
      <dgm:t>
        <a:bodyPr/>
        <a:lstStyle/>
        <a:p>
          <a:r>
            <a:rPr lang="en-US" sz="3600">
              <a:latin typeface="Arial Rounded MT Bold" panose="020F0704030504030204" pitchFamily="34" charset="0"/>
            </a:rPr>
            <a:t>S</a:t>
          </a:r>
          <a:endParaRPr lang="en-US" sz="3600" dirty="0">
            <a:latin typeface="Arial Rounded MT Bold" panose="020F0704030504030204" pitchFamily="34" charset="0"/>
          </a:endParaRPr>
        </a:p>
      </dgm:t>
    </dgm:pt>
    <dgm:pt modelId="{13E79339-3774-4EED-9FA0-ADFE628262C7}" type="parTrans" cxnId="{3CBA5E6D-6E11-4281-AFDE-1FE32AFC5D96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A5DCF056-8C16-4FF5-BF40-14D8D05D6FA5}" type="sibTrans" cxnId="{3CBA5E6D-6E11-4281-AFDE-1FE32AFC5D96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DDFE632C-6B8C-4ECF-8273-9BB29307969D}">
      <dgm:prSet phldrT="[Text]" custT="1"/>
      <dgm:spPr/>
      <dgm:t>
        <a:bodyPr/>
        <a:lstStyle/>
        <a:p>
          <a:pPr>
            <a:buClr>
              <a:schemeClr val="dk1"/>
            </a:buClr>
            <a:buSzPts val="1400"/>
            <a:buFont typeface="Wingdings" panose="05000000000000000000" pitchFamily="2" charset="2"/>
            <a:buNone/>
          </a:pPr>
          <a:r>
            <a:rPr lang="en-US" sz="1100" b="1" u="none" strike="noStrike" cap="none" dirty="0">
              <a:solidFill>
                <a:schemeClr val="bg2">
                  <a:lumMod val="50000"/>
                </a:schemeClr>
              </a:solidFill>
            </a:rPr>
            <a:t>Global Community WCO BACUDA</a:t>
          </a:r>
          <a:endParaRPr lang="en-US" sz="1100" b="1" dirty="0">
            <a:solidFill>
              <a:schemeClr val="bg2">
                <a:lumMod val="50000"/>
              </a:schemeClr>
            </a:solidFill>
          </a:endParaRPr>
        </a:p>
      </dgm:t>
    </dgm:pt>
    <dgm:pt modelId="{4B0555EC-08DF-415D-8860-A2173B1034AC}" type="parTrans" cxnId="{A53FC7A7-053A-454D-962F-24E54CE76E68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431AAF1A-D522-499D-972E-49A7F7E673A4}" type="sibTrans" cxnId="{A53FC7A7-053A-454D-962F-24E54CE76E68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10F7F63C-616E-4631-8619-C58D9263ED55}">
      <dgm:prSet phldrT="[Text]" custT="1"/>
      <dgm:spPr>
        <a:solidFill>
          <a:schemeClr val="accent5">
            <a:lumMod val="75000"/>
          </a:schemeClr>
        </a:solidFill>
      </dgm:spPr>
      <dgm:t>
        <a:bodyPr/>
        <a:lstStyle/>
        <a:p>
          <a:r>
            <a:rPr lang="en-US" sz="3600" dirty="0">
              <a:latin typeface="Arial Rounded MT Bold" panose="020F0704030504030204" pitchFamily="34" charset="0"/>
            </a:rPr>
            <a:t>W</a:t>
          </a:r>
        </a:p>
      </dgm:t>
    </dgm:pt>
    <dgm:pt modelId="{F526EE02-9F4D-4926-9C35-7A7D39077086}" type="parTrans" cxnId="{906EB681-A166-41D5-B7D9-517342D45E87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9244587D-35F4-47AB-BD27-CFD83F028EFB}" type="sibTrans" cxnId="{906EB681-A166-41D5-B7D9-517342D45E87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783C75D9-CDE0-4720-9C8B-7EBA2F04AC2E}">
      <dgm:prSet phldrT="[Text]" custT="1"/>
      <dgm:spPr/>
      <dgm:t>
        <a:bodyPr/>
        <a:lstStyle/>
        <a:p>
          <a:pPr>
            <a:buClr>
              <a:srgbClr val="000000"/>
            </a:buClr>
            <a:buSzPts val="1200"/>
            <a:buFont typeface="Arial"/>
            <a:buChar char="•"/>
          </a:pPr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Poor Data Quality</a:t>
          </a:r>
        </a:p>
      </dgm:t>
    </dgm:pt>
    <dgm:pt modelId="{8BA8817B-0B80-4583-A9AC-8C6DE4FC055F}" type="parTrans" cxnId="{F5D92C31-F58F-41E3-8259-F83FB12F2627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06AD0F19-200E-4E1D-A63E-6D74DF05004F}" type="sibTrans" cxnId="{F5D92C31-F58F-41E3-8259-F83FB12F2627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26F75DEF-B07B-4BD8-893A-A3D114D32E72}">
      <dgm:prSet custT="1"/>
      <dgm:spPr>
        <a:solidFill>
          <a:schemeClr val="accent5">
            <a:lumMod val="75000"/>
          </a:schemeClr>
        </a:solidFill>
      </dgm:spPr>
      <dgm:t>
        <a:bodyPr/>
        <a:lstStyle/>
        <a:p>
          <a:r>
            <a:rPr lang="en-US" sz="3600" dirty="0">
              <a:latin typeface="Arial Rounded MT Bold" panose="020F0704030504030204" pitchFamily="34" charset="0"/>
            </a:rPr>
            <a:t>O</a:t>
          </a:r>
        </a:p>
      </dgm:t>
    </dgm:pt>
    <dgm:pt modelId="{928605B7-0656-4DBF-81FC-325F9932DDF4}" type="parTrans" cxnId="{DC3058D9-E1FB-4CC4-BCD4-17022E67AFEE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2FB7B14A-4ED4-4EFB-BD1C-5C92D02C3EC6}" type="sibTrans" cxnId="{DC3058D9-E1FB-4CC4-BCD4-17022E67AFEE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1224BF6F-5C0A-4B0F-A4A3-36AEE61BC737}">
      <dgm:prSet custT="1"/>
      <dgm:spPr>
        <a:solidFill>
          <a:schemeClr val="accent5">
            <a:lumMod val="75000"/>
          </a:schemeClr>
        </a:solidFill>
      </dgm:spPr>
      <dgm:t>
        <a:bodyPr/>
        <a:lstStyle/>
        <a:p>
          <a:r>
            <a:rPr lang="en-US" sz="3600">
              <a:latin typeface="Arial Rounded MT Bold" panose="020F0704030504030204" pitchFamily="34" charset="0"/>
            </a:rPr>
            <a:t>T</a:t>
          </a:r>
          <a:endParaRPr lang="en-US" sz="3600" dirty="0">
            <a:latin typeface="Arial Rounded MT Bold" panose="020F0704030504030204" pitchFamily="34" charset="0"/>
          </a:endParaRPr>
        </a:p>
      </dgm:t>
    </dgm:pt>
    <dgm:pt modelId="{69162ADA-679C-4E24-9CF1-88909938E91D}" type="parTrans" cxnId="{0B6A0ED0-8184-496B-8A0A-9B5EFBA4A0F1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5346473D-331D-48AA-A768-2383A8D16EFA}" type="sibTrans" cxnId="{0B6A0ED0-8184-496B-8A0A-9B5EFBA4A0F1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E24AE59B-7101-4209-8F84-810231744FBB}">
      <dgm:prSet custT="1"/>
      <dgm:spPr/>
      <dgm:t>
        <a:bodyPr/>
        <a:lstStyle/>
        <a:p>
          <a:r>
            <a:rPr lang="en-US" sz="1100" b="1" u="none" strike="noStrike" cap="none" dirty="0">
              <a:solidFill>
                <a:schemeClr val="bg2">
                  <a:lumMod val="50000"/>
                </a:schemeClr>
              </a:solidFill>
            </a:rPr>
            <a:t>Innovation for a better service</a:t>
          </a:r>
          <a:endParaRPr lang="en-US" sz="1100" b="1" dirty="0">
            <a:solidFill>
              <a:schemeClr val="bg2">
                <a:lumMod val="50000"/>
              </a:schemeClr>
            </a:solidFill>
          </a:endParaRPr>
        </a:p>
      </dgm:t>
    </dgm:pt>
    <dgm:pt modelId="{9C6DE45F-668D-463B-9D55-A2227BC62F50}" type="parTrans" cxnId="{7581B0B8-C77C-4947-B68B-1CFF6F2051EC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5F6099B6-3127-49AD-83C0-1285A1E41FD0}" type="sibTrans" cxnId="{7581B0B8-C77C-4947-B68B-1CFF6F2051EC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3F3B8E8D-B9B9-4F47-BC39-D4D0E5784A0A}">
      <dgm:prSet custT="1"/>
      <dgm:spPr/>
      <dgm:t>
        <a:bodyPr/>
        <a:lstStyle/>
        <a:p>
          <a:pPr>
            <a:buClr>
              <a:srgbClr val="000000"/>
            </a:buClr>
            <a:buSzPts val="1200"/>
            <a:buFont typeface="Arial"/>
            <a:buChar char="•"/>
          </a:pPr>
          <a:r>
            <a:rPr lang="en-US" sz="1100" b="1" u="none" strike="noStrike" cap="none" dirty="0">
              <a:solidFill>
                <a:schemeClr val="bg2">
                  <a:lumMod val="50000"/>
                </a:schemeClr>
              </a:solidFill>
            </a:rPr>
            <a:t>Compliance improvement</a:t>
          </a:r>
          <a:endParaRPr lang="en-US" sz="1100" b="1" dirty="0">
            <a:solidFill>
              <a:schemeClr val="bg2">
                <a:lumMod val="50000"/>
              </a:schemeClr>
            </a:solidFill>
          </a:endParaRPr>
        </a:p>
      </dgm:t>
    </dgm:pt>
    <dgm:pt modelId="{D3B50913-1B48-431D-8079-F73BD9C7CB81}" type="parTrans" cxnId="{A4DFDAE5-82E9-4632-8C39-0040103D8198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6BD08B46-8936-40DE-949B-C21D8FE08DF9}" type="sibTrans" cxnId="{A4DFDAE5-82E9-4632-8C39-0040103D8198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A43E0655-E57B-42AF-B196-929121A2B034}">
      <dgm:prSet custT="1"/>
      <dgm:spPr/>
      <dgm:t>
        <a:bodyPr/>
        <a:lstStyle/>
        <a:p>
          <a:r>
            <a:rPr lang="en-US" sz="1100" b="1" u="none" strike="noStrike" cap="none" dirty="0">
              <a:solidFill>
                <a:schemeClr val="bg2">
                  <a:lumMod val="50000"/>
                </a:schemeClr>
              </a:solidFill>
            </a:rPr>
            <a:t>Strong trade relationships</a:t>
          </a:r>
          <a:endParaRPr lang="en-US" sz="1100" b="1" dirty="0">
            <a:solidFill>
              <a:schemeClr val="bg2">
                <a:lumMod val="50000"/>
              </a:schemeClr>
            </a:solidFill>
          </a:endParaRPr>
        </a:p>
      </dgm:t>
    </dgm:pt>
    <dgm:pt modelId="{063548B6-6571-4F37-BBBB-B0ED050A2A94}" type="parTrans" cxnId="{57807E0C-C6E9-45B7-9752-91322F53BCA4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2BAF1239-80A1-42BD-8690-B9B67875DEF6}" type="sibTrans" cxnId="{57807E0C-C6E9-45B7-9752-91322F53BCA4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39B6DBC4-687A-42A8-AE5E-B89AAA49512D}">
      <dgm:prSet custT="1"/>
      <dgm:spPr/>
      <dgm:t>
        <a:bodyPr/>
        <a:lstStyle/>
        <a:p>
          <a:pPr>
            <a:buClr>
              <a:srgbClr val="000000"/>
            </a:buClr>
            <a:buSzPts val="1100"/>
            <a:buFont typeface="Arial"/>
            <a:buChar char="•"/>
          </a:pPr>
          <a:r>
            <a:rPr lang="en-US" sz="1100" b="1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rPr>
            <a:t>Resistance to change</a:t>
          </a:r>
          <a:endParaRPr lang="en-US" sz="1100" dirty="0">
            <a:solidFill>
              <a:schemeClr val="bg2">
                <a:lumMod val="50000"/>
              </a:schemeClr>
            </a:solidFill>
          </a:endParaRPr>
        </a:p>
      </dgm:t>
    </dgm:pt>
    <dgm:pt modelId="{6F17DE33-B893-43FE-A68A-0401ACAD827F}" type="parTrans" cxnId="{BC4F69D0-769F-4D23-BC7A-E53C4575E880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25BC38AF-BAF4-4CA1-ABDB-D039EFB9A3EC}" type="sibTrans" cxnId="{BC4F69D0-769F-4D23-BC7A-E53C4575E880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A46BD812-DD51-4911-B9BB-A4C939A010B9}">
      <dgm:prSet custT="1"/>
      <dgm:spPr/>
      <dgm:t>
        <a:bodyPr/>
        <a:lstStyle/>
        <a:p>
          <a:r>
            <a:rPr lang="en-US" sz="1100" b="1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rPr>
            <a:t>Lack of political will</a:t>
          </a:r>
          <a:endParaRPr lang="en-US" sz="1100" dirty="0">
            <a:solidFill>
              <a:schemeClr val="bg2">
                <a:lumMod val="50000"/>
              </a:schemeClr>
            </a:solidFill>
          </a:endParaRPr>
        </a:p>
      </dgm:t>
    </dgm:pt>
    <dgm:pt modelId="{42234D01-3564-400B-B55B-B371F320C380}" type="parTrans" cxnId="{46720706-F307-4C10-B1AD-3DACE58DAE42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2CB80056-AF7A-4923-93AF-AF56F48BFAD5}" type="sibTrans" cxnId="{46720706-F307-4C10-B1AD-3DACE58DAE42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C677ABDD-9CD2-403D-8B54-867E11C01997}">
      <dgm:prSet custT="1"/>
      <dgm:spPr/>
      <dgm:t>
        <a:bodyPr/>
        <a:lstStyle/>
        <a:p>
          <a:r>
            <a:rPr lang="en-US" sz="1100" b="1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rPr>
            <a:t>Technical challenges</a:t>
          </a:r>
          <a:endParaRPr lang="en-US" sz="1100" dirty="0">
            <a:solidFill>
              <a:schemeClr val="bg2">
                <a:lumMod val="50000"/>
              </a:schemeClr>
            </a:solidFill>
          </a:endParaRPr>
        </a:p>
      </dgm:t>
    </dgm:pt>
    <dgm:pt modelId="{4935F37F-3EB6-416F-9202-AB29DBD6D13F}" type="parTrans" cxnId="{659616F8-4710-42D5-BACC-28B22D6DB9DB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609993BC-259F-4AD1-9C3D-C6CED8767B2D}" type="sibTrans" cxnId="{659616F8-4710-42D5-BACC-28B22D6DB9DB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5C7324DA-4B3F-4D45-85BB-E65528ACB3B0}">
      <dgm:prSet phldrT="[Text]" custT="1"/>
      <dgm:spPr/>
      <dgm:t>
        <a:bodyPr/>
        <a:lstStyle/>
        <a:p>
          <a:pPr>
            <a:buClr>
              <a:schemeClr val="dk1"/>
            </a:buClr>
            <a:buSzPts val="1400"/>
            <a:buFont typeface="Wingdings" panose="05000000000000000000" pitchFamily="2" charset="2"/>
            <a:buChar char="Ø"/>
          </a:pPr>
          <a:r>
            <a:rPr lang="en-US" sz="1100" b="1" u="none" strike="noStrike" cap="none" dirty="0">
              <a:solidFill>
                <a:schemeClr val="bg2">
                  <a:lumMod val="50000"/>
                </a:schemeClr>
              </a:solidFill>
            </a:rPr>
            <a:t>Cost-effective and open source technologies</a:t>
          </a:r>
          <a:endParaRPr lang="en-US" sz="1100" b="1" dirty="0">
            <a:solidFill>
              <a:schemeClr val="bg2">
                <a:lumMod val="50000"/>
              </a:schemeClr>
            </a:solidFill>
          </a:endParaRPr>
        </a:p>
      </dgm:t>
    </dgm:pt>
    <dgm:pt modelId="{AF336488-66F7-4557-B5D5-5E352BFB68AD}" type="parTrans" cxnId="{A666234A-65FD-4532-BF17-A78B4E7DE875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93B3167A-CDF2-4B4D-A433-2BA0F17DCBA7}" type="sibTrans" cxnId="{A666234A-65FD-4532-BF17-A78B4E7DE875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1D0ADFB6-D316-4DC1-8426-21EE06BAD78E}">
      <dgm:prSet phldrT="[Text]" custT="1"/>
      <dgm:spPr/>
      <dgm:t>
        <a:bodyPr/>
        <a:lstStyle/>
        <a:p>
          <a:pPr>
            <a:buClr>
              <a:schemeClr val="dk1"/>
            </a:buClr>
            <a:buSzPts val="1400"/>
            <a:buFont typeface="Wingdings" panose="05000000000000000000" pitchFamily="2" charset="2"/>
            <a:buChar char="Ø"/>
          </a:pPr>
          <a:r>
            <a:rPr lang="en-US" sz="1100" b="1" u="none" strike="noStrike" cap="none" dirty="0">
              <a:solidFill>
                <a:schemeClr val="bg2">
                  <a:lumMod val="50000"/>
                </a:schemeClr>
              </a:solidFill>
            </a:rPr>
            <a:t>Data availability</a:t>
          </a:r>
          <a:endParaRPr lang="en-US" sz="1100" b="1" dirty="0">
            <a:solidFill>
              <a:schemeClr val="bg2">
                <a:lumMod val="50000"/>
              </a:schemeClr>
            </a:solidFill>
          </a:endParaRPr>
        </a:p>
      </dgm:t>
    </dgm:pt>
    <dgm:pt modelId="{8E046C33-E6B2-43EA-950F-EC6F53FEB432}" type="parTrans" cxnId="{1249308F-4DD0-4292-8D98-22A9907D182F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91D4F2EA-8A43-4331-A8A9-49CC3111FDEA}" type="sibTrans" cxnId="{1249308F-4DD0-4292-8D98-22A9907D182F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5C759FB1-3B63-46F7-9F06-9267B767640A}">
      <dgm:prSet phldrT="[Text]" custT="1"/>
      <dgm:spPr/>
      <dgm:t>
        <a:bodyPr/>
        <a:lstStyle/>
        <a:p>
          <a:pPr>
            <a:buClr>
              <a:srgbClr val="000000"/>
            </a:buClr>
            <a:buSzPts val="1200"/>
            <a:buFont typeface="Arial"/>
            <a:buChar char="•"/>
          </a:pPr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Corruption</a:t>
          </a:r>
        </a:p>
      </dgm:t>
    </dgm:pt>
    <dgm:pt modelId="{BF6D18A1-AEA2-48FD-B19B-62687878369F}" type="parTrans" cxnId="{FB852C70-3CA3-41EE-81B7-E8C82D622314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D8A5E5A6-46FF-402A-962E-9745CB245C0D}" type="sibTrans" cxnId="{FB852C70-3CA3-41EE-81B7-E8C82D622314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B7064D49-D1A4-4BE8-B03F-F1F5A8550524}">
      <dgm:prSet phldrT="[Text]" custT="1"/>
      <dgm:spPr/>
      <dgm:t>
        <a:bodyPr/>
        <a:lstStyle/>
        <a:p>
          <a:pPr>
            <a:buClr>
              <a:srgbClr val="000000"/>
            </a:buClr>
            <a:buSzPts val="1200"/>
            <a:buFont typeface="Arial"/>
            <a:buChar char="•"/>
          </a:pPr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Non-innovative environment</a:t>
          </a:r>
        </a:p>
      </dgm:t>
    </dgm:pt>
    <dgm:pt modelId="{42EFD3AC-2014-4FE4-8C63-3A8D0EAB5EE9}" type="parTrans" cxnId="{99CAE872-CC89-40F1-8F23-EF58181F4036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05A69A26-1032-4BDA-911E-71B3349DCB2E}" type="sibTrans" cxnId="{99CAE872-CC89-40F1-8F23-EF58181F4036}">
      <dgm:prSet/>
      <dgm:spPr/>
      <dgm:t>
        <a:bodyPr/>
        <a:lstStyle/>
        <a:p>
          <a:endParaRPr lang="en-US" sz="1800">
            <a:solidFill>
              <a:schemeClr val="tx1"/>
            </a:solidFill>
          </a:endParaRPr>
        </a:p>
      </dgm:t>
    </dgm:pt>
    <dgm:pt modelId="{C669393A-0328-483C-AB5A-00696B3F0DC4}">
      <dgm:prSet/>
      <dgm:spPr/>
      <dgm:t>
        <a:bodyPr/>
        <a:lstStyle/>
        <a:p>
          <a:r>
            <a:rPr lang="en-US" b="1" dirty="0">
              <a:solidFill>
                <a:schemeClr val="bg2">
                  <a:lumMod val="50000"/>
                </a:schemeClr>
              </a:solidFill>
            </a:rPr>
            <a:t>STRENGTHS</a:t>
          </a:r>
        </a:p>
      </dgm:t>
    </dgm:pt>
    <dgm:pt modelId="{46EF5CCC-3B05-481A-A9A3-C69BF561865E}" type="parTrans" cxnId="{CEC32F6A-DA2E-4133-ADFE-09273E298C52}">
      <dgm:prSet/>
      <dgm:spPr/>
      <dgm:t>
        <a:bodyPr/>
        <a:lstStyle/>
        <a:p>
          <a:endParaRPr lang="en-US"/>
        </a:p>
      </dgm:t>
    </dgm:pt>
    <dgm:pt modelId="{382DF0BF-705E-4EDF-B3A1-9E88F7631DCF}" type="sibTrans" cxnId="{CEC32F6A-DA2E-4133-ADFE-09273E298C52}">
      <dgm:prSet/>
      <dgm:spPr/>
      <dgm:t>
        <a:bodyPr/>
        <a:lstStyle/>
        <a:p>
          <a:endParaRPr lang="en-US"/>
        </a:p>
      </dgm:t>
    </dgm:pt>
    <dgm:pt modelId="{197AFC1A-0E31-4B1B-8D60-8CF32749C28E}">
      <dgm:prSet custT="1"/>
      <dgm:spPr/>
      <dgm:t>
        <a:bodyPr/>
        <a:lstStyle/>
        <a:p>
          <a:r>
            <a:rPr lang="en-US" sz="1300" b="1" dirty="0">
              <a:solidFill>
                <a:schemeClr val="bg2">
                  <a:lumMod val="50000"/>
                </a:schemeClr>
              </a:solidFill>
            </a:rPr>
            <a:t>WEAKNESSES</a:t>
          </a:r>
        </a:p>
      </dgm:t>
    </dgm:pt>
    <dgm:pt modelId="{ED2D65E2-C497-46CE-97C1-F6DE6D5F3764}" type="parTrans" cxnId="{4801DF8E-365A-49EA-9FA7-C5E83B760D1E}">
      <dgm:prSet/>
      <dgm:spPr/>
      <dgm:t>
        <a:bodyPr/>
        <a:lstStyle/>
        <a:p>
          <a:endParaRPr lang="en-US"/>
        </a:p>
      </dgm:t>
    </dgm:pt>
    <dgm:pt modelId="{D6BD4E1E-20D4-4570-A3A5-B8904FA87E24}" type="sibTrans" cxnId="{4801DF8E-365A-49EA-9FA7-C5E83B760D1E}">
      <dgm:prSet/>
      <dgm:spPr/>
      <dgm:t>
        <a:bodyPr/>
        <a:lstStyle/>
        <a:p>
          <a:endParaRPr lang="en-US"/>
        </a:p>
      </dgm:t>
    </dgm:pt>
    <dgm:pt modelId="{DDF5DFBD-D22A-4272-8671-ED043A799D72}">
      <dgm:prSet custT="1"/>
      <dgm:spPr/>
      <dgm:t>
        <a:bodyPr/>
        <a:lstStyle/>
        <a:p>
          <a:r>
            <a:rPr lang="en-US" sz="1300" b="1" dirty="0">
              <a:solidFill>
                <a:schemeClr val="bg2">
                  <a:lumMod val="50000"/>
                </a:schemeClr>
              </a:solidFill>
            </a:rPr>
            <a:t>OPPORTUNITIES</a:t>
          </a:r>
        </a:p>
      </dgm:t>
    </dgm:pt>
    <dgm:pt modelId="{E1DF1EC0-7BDB-49A0-A197-20231D54C230}" type="parTrans" cxnId="{FD4D797A-860C-4C4D-A7A8-A3326226846E}">
      <dgm:prSet/>
      <dgm:spPr/>
      <dgm:t>
        <a:bodyPr/>
        <a:lstStyle/>
        <a:p>
          <a:endParaRPr lang="en-US"/>
        </a:p>
      </dgm:t>
    </dgm:pt>
    <dgm:pt modelId="{6A0AAFA0-6E9D-4135-95B9-466316253E67}" type="sibTrans" cxnId="{FD4D797A-860C-4C4D-A7A8-A3326226846E}">
      <dgm:prSet/>
      <dgm:spPr/>
      <dgm:t>
        <a:bodyPr/>
        <a:lstStyle/>
        <a:p>
          <a:endParaRPr lang="en-US"/>
        </a:p>
      </dgm:t>
    </dgm:pt>
    <dgm:pt modelId="{A0DC920C-04E2-4D16-BD69-7085FF2FF135}">
      <dgm:prSet custT="1"/>
      <dgm:spPr/>
      <dgm:t>
        <a:bodyPr/>
        <a:lstStyle/>
        <a:p>
          <a:r>
            <a:rPr lang="en-US" sz="1300" b="1" dirty="0">
              <a:solidFill>
                <a:schemeClr val="bg2">
                  <a:lumMod val="50000"/>
                </a:schemeClr>
              </a:solidFill>
            </a:rPr>
            <a:t>THREATS</a:t>
          </a:r>
        </a:p>
      </dgm:t>
    </dgm:pt>
    <dgm:pt modelId="{6131D7CA-7EC4-40C9-950F-84FB6662611E}" type="parTrans" cxnId="{39FD21A8-336D-4637-87C1-D83A7AB27CB6}">
      <dgm:prSet/>
      <dgm:spPr/>
      <dgm:t>
        <a:bodyPr/>
        <a:lstStyle/>
        <a:p>
          <a:endParaRPr lang="en-US"/>
        </a:p>
      </dgm:t>
    </dgm:pt>
    <dgm:pt modelId="{B081556B-A3D7-4FC1-9193-194F66F609E2}" type="sibTrans" cxnId="{39FD21A8-336D-4637-87C1-D83A7AB27CB6}">
      <dgm:prSet/>
      <dgm:spPr/>
      <dgm:t>
        <a:bodyPr/>
        <a:lstStyle/>
        <a:p>
          <a:endParaRPr lang="en-US"/>
        </a:p>
      </dgm:t>
    </dgm:pt>
    <dgm:pt modelId="{269DC8C8-9CA4-4B68-A306-83AB352DD980}">
      <dgm:prSet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Economical Worth</a:t>
          </a:r>
        </a:p>
      </dgm:t>
    </dgm:pt>
    <dgm:pt modelId="{3184E472-3E50-4479-81FA-69E9048AD6A6}" type="parTrans" cxnId="{E242B994-5786-45A9-8BFD-ABC4D52D9B4F}">
      <dgm:prSet/>
      <dgm:spPr/>
      <dgm:t>
        <a:bodyPr/>
        <a:lstStyle/>
        <a:p>
          <a:endParaRPr lang="en-US"/>
        </a:p>
      </dgm:t>
    </dgm:pt>
    <dgm:pt modelId="{59F77021-7D94-4A82-AA4C-A6B0173C70D8}" type="sibTrans" cxnId="{E242B994-5786-45A9-8BFD-ABC4D52D9B4F}">
      <dgm:prSet/>
      <dgm:spPr/>
      <dgm:t>
        <a:bodyPr/>
        <a:lstStyle/>
        <a:p>
          <a:endParaRPr lang="en-US"/>
        </a:p>
      </dgm:t>
    </dgm:pt>
    <dgm:pt modelId="{D627E12B-2799-47FC-B680-8BFE0D88CDAA}" type="pres">
      <dgm:prSet presAssocID="{9B302732-BB90-4D0A-9B0C-5D869B2F95EA}" presName="list" presStyleCnt="0">
        <dgm:presLayoutVars>
          <dgm:dir/>
          <dgm:animLvl val="lvl"/>
        </dgm:presLayoutVars>
      </dgm:prSet>
      <dgm:spPr/>
    </dgm:pt>
    <dgm:pt modelId="{CAE1E3D8-43EF-4722-AB85-2842E622D18D}" type="pres">
      <dgm:prSet presAssocID="{A09E4154-8D83-4AF6-A07A-2A27E98B9B8F}" presName="posSpace" presStyleCnt="0"/>
      <dgm:spPr/>
    </dgm:pt>
    <dgm:pt modelId="{F6FA9A2B-75D5-4924-B589-54710258D10C}" type="pres">
      <dgm:prSet presAssocID="{A09E4154-8D83-4AF6-A07A-2A27E98B9B8F}" presName="vertFlow" presStyleCnt="0"/>
      <dgm:spPr/>
    </dgm:pt>
    <dgm:pt modelId="{FCA046AC-79C8-4606-BF9C-FA99AB23F2EC}" type="pres">
      <dgm:prSet presAssocID="{A09E4154-8D83-4AF6-A07A-2A27E98B9B8F}" presName="topSpace" presStyleCnt="0"/>
      <dgm:spPr/>
    </dgm:pt>
    <dgm:pt modelId="{EF17FB7C-30EB-43D6-9870-9EBFB47DCF3C}" type="pres">
      <dgm:prSet presAssocID="{A09E4154-8D83-4AF6-A07A-2A27E98B9B8F}" presName="firstComp" presStyleCnt="0"/>
      <dgm:spPr/>
    </dgm:pt>
    <dgm:pt modelId="{6E0B1642-1274-497C-9FA8-BE19A2A29D20}" type="pres">
      <dgm:prSet presAssocID="{A09E4154-8D83-4AF6-A07A-2A27E98B9B8F}" presName="firstChild" presStyleLbl="bgAccFollowNode1" presStyleIdx="0" presStyleCnt="17" custScaleX="109589" custScaleY="62553" custLinFactNeighborX="12120"/>
      <dgm:spPr/>
    </dgm:pt>
    <dgm:pt modelId="{A210A4A2-74C1-4F59-92E6-144F1D2747B7}" type="pres">
      <dgm:prSet presAssocID="{A09E4154-8D83-4AF6-A07A-2A27E98B9B8F}" presName="firstChildTx" presStyleLbl="bgAccFollowNode1" presStyleIdx="0" presStyleCnt="17">
        <dgm:presLayoutVars>
          <dgm:bulletEnabled val="1"/>
        </dgm:presLayoutVars>
      </dgm:prSet>
      <dgm:spPr/>
    </dgm:pt>
    <dgm:pt modelId="{4311AB8E-88E0-4777-B323-A934A0DBBD40}" type="pres">
      <dgm:prSet presAssocID="{DDFE632C-6B8C-4ECF-8273-9BB29307969D}" presName="comp" presStyleCnt="0"/>
      <dgm:spPr/>
    </dgm:pt>
    <dgm:pt modelId="{34CB954F-9820-4189-A777-78F3DFCC94C2}" type="pres">
      <dgm:prSet presAssocID="{DDFE632C-6B8C-4ECF-8273-9BB29307969D}" presName="child" presStyleLbl="bgAccFollowNode1" presStyleIdx="1" presStyleCnt="17" custScaleX="109589" custLinFactNeighborX="12120"/>
      <dgm:spPr/>
    </dgm:pt>
    <dgm:pt modelId="{05720134-3796-4A97-9861-1B3531B0EAA5}" type="pres">
      <dgm:prSet presAssocID="{DDFE632C-6B8C-4ECF-8273-9BB29307969D}" presName="childTx" presStyleLbl="bgAccFollowNode1" presStyleIdx="1" presStyleCnt="17">
        <dgm:presLayoutVars>
          <dgm:bulletEnabled val="1"/>
        </dgm:presLayoutVars>
      </dgm:prSet>
      <dgm:spPr/>
    </dgm:pt>
    <dgm:pt modelId="{CF615D64-D4A8-4117-A668-23F32C888EE5}" type="pres">
      <dgm:prSet presAssocID="{5C7324DA-4B3F-4D45-85BB-E65528ACB3B0}" presName="comp" presStyleCnt="0"/>
      <dgm:spPr/>
    </dgm:pt>
    <dgm:pt modelId="{D386C353-F899-4C60-B547-B5B390C69904}" type="pres">
      <dgm:prSet presAssocID="{5C7324DA-4B3F-4D45-85BB-E65528ACB3B0}" presName="child" presStyleLbl="bgAccFollowNode1" presStyleIdx="2" presStyleCnt="17" custScaleX="109589" custLinFactNeighborX="12120"/>
      <dgm:spPr/>
    </dgm:pt>
    <dgm:pt modelId="{3B509924-6480-4C55-9816-97890880E2FF}" type="pres">
      <dgm:prSet presAssocID="{5C7324DA-4B3F-4D45-85BB-E65528ACB3B0}" presName="childTx" presStyleLbl="bgAccFollowNode1" presStyleIdx="2" presStyleCnt="17">
        <dgm:presLayoutVars>
          <dgm:bulletEnabled val="1"/>
        </dgm:presLayoutVars>
      </dgm:prSet>
      <dgm:spPr/>
    </dgm:pt>
    <dgm:pt modelId="{5433BE67-5CE8-4ED0-991B-255122D9C609}" type="pres">
      <dgm:prSet presAssocID="{1D0ADFB6-D316-4DC1-8426-21EE06BAD78E}" presName="comp" presStyleCnt="0"/>
      <dgm:spPr/>
    </dgm:pt>
    <dgm:pt modelId="{688AFCB3-6162-4C5D-94A2-742E8D61E5D5}" type="pres">
      <dgm:prSet presAssocID="{1D0ADFB6-D316-4DC1-8426-21EE06BAD78E}" presName="child" presStyleLbl="bgAccFollowNode1" presStyleIdx="3" presStyleCnt="17" custScaleX="109589" custLinFactNeighborX="12120"/>
      <dgm:spPr/>
    </dgm:pt>
    <dgm:pt modelId="{81ECBDC6-FA1D-4E92-AD10-412F354EE355}" type="pres">
      <dgm:prSet presAssocID="{1D0ADFB6-D316-4DC1-8426-21EE06BAD78E}" presName="childTx" presStyleLbl="bgAccFollowNode1" presStyleIdx="3" presStyleCnt="17">
        <dgm:presLayoutVars>
          <dgm:bulletEnabled val="1"/>
        </dgm:presLayoutVars>
      </dgm:prSet>
      <dgm:spPr/>
    </dgm:pt>
    <dgm:pt modelId="{75BD0598-A65D-498A-9052-579F888F77B0}" type="pres">
      <dgm:prSet presAssocID="{A09E4154-8D83-4AF6-A07A-2A27E98B9B8F}" presName="negSpace" presStyleCnt="0"/>
      <dgm:spPr/>
    </dgm:pt>
    <dgm:pt modelId="{D03A8945-B4AA-463A-9C5C-6AB72432CA86}" type="pres">
      <dgm:prSet presAssocID="{A09E4154-8D83-4AF6-A07A-2A27E98B9B8F}" presName="circle" presStyleLbl="node1" presStyleIdx="0" presStyleCnt="4"/>
      <dgm:spPr/>
    </dgm:pt>
    <dgm:pt modelId="{26AAD7B3-9E5B-4CB2-A218-0F26EC2A6418}" type="pres">
      <dgm:prSet presAssocID="{A5DCF056-8C16-4FF5-BF40-14D8D05D6FA5}" presName="transSpace" presStyleCnt="0"/>
      <dgm:spPr/>
    </dgm:pt>
    <dgm:pt modelId="{D8FAD199-0088-4B31-9C8B-7DD403B796A4}" type="pres">
      <dgm:prSet presAssocID="{10F7F63C-616E-4631-8619-C58D9263ED55}" presName="posSpace" presStyleCnt="0"/>
      <dgm:spPr/>
    </dgm:pt>
    <dgm:pt modelId="{EC1DCE39-EC54-4064-9DED-CB5738F3C47B}" type="pres">
      <dgm:prSet presAssocID="{10F7F63C-616E-4631-8619-C58D9263ED55}" presName="vertFlow" presStyleCnt="0"/>
      <dgm:spPr/>
    </dgm:pt>
    <dgm:pt modelId="{419CCE95-185C-4CAE-A1C5-170E5D41923B}" type="pres">
      <dgm:prSet presAssocID="{10F7F63C-616E-4631-8619-C58D9263ED55}" presName="topSpace" presStyleCnt="0"/>
      <dgm:spPr/>
    </dgm:pt>
    <dgm:pt modelId="{D0EF98FF-27A5-4C42-82C4-252BF6B2EBAF}" type="pres">
      <dgm:prSet presAssocID="{10F7F63C-616E-4631-8619-C58D9263ED55}" presName="firstComp" presStyleCnt="0"/>
      <dgm:spPr/>
    </dgm:pt>
    <dgm:pt modelId="{D766B3DF-1529-4AD9-88F1-72E650038A44}" type="pres">
      <dgm:prSet presAssocID="{10F7F63C-616E-4631-8619-C58D9263ED55}" presName="firstChild" presStyleLbl="bgAccFollowNode1" presStyleIdx="4" presStyleCnt="17" custScaleX="119305" custScaleY="52591"/>
      <dgm:spPr/>
    </dgm:pt>
    <dgm:pt modelId="{BA1E345D-D569-4A3D-8CBC-38B2C6F3902A}" type="pres">
      <dgm:prSet presAssocID="{10F7F63C-616E-4631-8619-C58D9263ED55}" presName="firstChildTx" presStyleLbl="bgAccFollowNode1" presStyleIdx="4" presStyleCnt="17">
        <dgm:presLayoutVars>
          <dgm:bulletEnabled val="1"/>
        </dgm:presLayoutVars>
      </dgm:prSet>
      <dgm:spPr/>
    </dgm:pt>
    <dgm:pt modelId="{C8D80045-4249-4264-B035-5BE98F6776E0}" type="pres">
      <dgm:prSet presAssocID="{783C75D9-CDE0-4720-9C8B-7EBA2F04AC2E}" presName="comp" presStyleCnt="0"/>
      <dgm:spPr/>
    </dgm:pt>
    <dgm:pt modelId="{3F6E348E-2770-41BA-BEB7-2D8BF6714B43}" type="pres">
      <dgm:prSet presAssocID="{783C75D9-CDE0-4720-9C8B-7EBA2F04AC2E}" presName="child" presStyleLbl="bgAccFollowNode1" presStyleIdx="5" presStyleCnt="17" custScaleX="119305"/>
      <dgm:spPr/>
    </dgm:pt>
    <dgm:pt modelId="{8D786550-C0E5-40E9-98A0-5283C8E3C997}" type="pres">
      <dgm:prSet presAssocID="{783C75D9-CDE0-4720-9C8B-7EBA2F04AC2E}" presName="childTx" presStyleLbl="bgAccFollowNode1" presStyleIdx="5" presStyleCnt="17">
        <dgm:presLayoutVars>
          <dgm:bulletEnabled val="1"/>
        </dgm:presLayoutVars>
      </dgm:prSet>
      <dgm:spPr/>
    </dgm:pt>
    <dgm:pt modelId="{6840464E-DCB3-43CF-B057-5AE01BAE981D}" type="pres">
      <dgm:prSet presAssocID="{5C759FB1-3B63-46F7-9F06-9267B767640A}" presName="comp" presStyleCnt="0"/>
      <dgm:spPr/>
    </dgm:pt>
    <dgm:pt modelId="{800CFE88-AE0E-43AC-A41E-7BC3419AE8AB}" type="pres">
      <dgm:prSet presAssocID="{5C759FB1-3B63-46F7-9F06-9267B767640A}" presName="child" presStyleLbl="bgAccFollowNode1" presStyleIdx="6" presStyleCnt="17" custScaleX="119305"/>
      <dgm:spPr/>
    </dgm:pt>
    <dgm:pt modelId="{F0B8AC27-66BB-483F-9A23-9F85A0D7AB11}" type="pres">
      <dgm:prSet presAssocID="{5C759FB1-3B63-46F7-9F06-9267B767640A}" presName="childTx" presStyleLbl="bgAccFollowNode1" presStyleIdx="6" presStyleCnt="17">
        <dgm:presLayoutVars>
          <dgm:bulletEnabled val="1"/>
        </dgm:presLayoutVars>
      </dgm:prSet>
      <dgm:spPr/>
    </dgm:pt>
    <dgm:pt modelId="{8DAEA5AD-DE00-445B-BB5B-4B298F96FEC5}" type="pres">
      <dgm:prSet presAssocID="{B7064D49-D1A4-4BE8-B03F-F1F5A8550524}" presName="comp" presStyleCnt="0"/>
      <dgm:spPr/>
    </dgm:pt>
    <dgm:pt modelId="{4D5D5DD1-3523-447D-9688-B2752064E02A}" type="pres">
      <dgm:prSet presAssocID="{B7064D49-D1A4-4BE8-B03F-F1F5A8550524}" presName="child" presStyleLbl="bgAccFollowNode1" presStyleIdx="7" presStyleCnt="17" custScaleX="119305"/>
      <dgm:spPr/>
    </dgm:pt>
    <dgm:pt modelId="{9DD966A3-4E5E-4FE4-973E-698C90C50628}" type="pres">
      <dgm:prSet presAssocID="{B7064D49-D1A4-4BE8-B03F-F1F5A8550524}" presName="childTx" presStyleLbl="bgAccFollowNode1" presStyleIdx="7" presStyleCnt="17">
        <dgm:presLayoutVars>
          <dgm:bulletEnabled val="1"/>
        </dgm:presLayoutVars>
      </dgm:prSet>
      <dgm:spPr/>
    </dgm:pt>
    <dgm:pt modelId="{74642D93-1023-4986-A4AA-79A85D88C380}" type="pres">
      <dgm:prSet presAssocID="{10F7F63C-616E-4631-8619-C58D9263ED55}" presName="negSpace" presStyleCnt="0"/>
      <dgm:spPr/>
    </dgm:pt>
    <dgm:pt modelId="{24FB44AB-2885-4FB9-97B0-B5A2F9DDDD1C}" type="pres">
      <dgm:prSet presAssocID="{10F7F63C-616E-4631-8619-C58D9263ED55}" presName="circle" presStyleLbl="node1" presStyleIdx="1" presStyleCnt="4" custLinFactNeighborX="-33887" custLinFactNeighborY="-88"/>
      <dgm:spPr/>
    </dgm:pt>
    <dgm:pt modelId="{EE0D3ADB-8303-42CD-838D-88FF0F0C8F51}" type="pres">
      <dgm:prSet presAssocID="{9244587D-35F4-47AB-BD27-CFD83F028EFB}" presName="transSpace" presStyleCnt="0"/>
      <dgm:spPr/>
    </dgm:pt>
    <dgm:pt modelId="{40C5E4BB-69DD-496C-8435-75FC3B3C85CD}" type="pres">
      <dgm:prSet presAssocID="{26F75DEF-B07B-4BD8-893A-A3D114D32E72}" presName="posSpace" presStyleCnt="0"/>
      <dgm:spPr/>
    </dgm:pt>
    <dgm:pt modelId="{E96E41BB-7C9D-4C1E-9D8F-1915C7C34867}" type="pres">
      <dgm:prSet presAssocID="{26F75DEF-B07B-4BD8-893A-A3D114D32E72}" presName="vertFlow" presStyleCnt="0"/>
      <dgm:spPr/>
    </dgm:pt>
    <dgm:pt modelId="{358D410E-9B7A-4D35-9A0A-D502F49AA199}" type="pres">
      <dgm:prSet presAssocID="{26F75DEF-B07B-4BD8-893A-A3D114D32E72}" presName="topSpace" presStyleCnt="0"/>
      <dgm:spPr/>
    </dgm:pt>
    <dgm:pt modelId="{2E862460-65CC-4BA1-82A0-7F6EC996D9B7}" type="pres">
      <dgm:prSet presAssocID="{26F75DEF-B07B-4BD8-893A-A3D114D32E72}" presName="firstComp" presStyleCnt="0"/>
      <dgm:spPr/>
    </dgm:pt>
    <dgm:pt modelId="{26A30058-B0F6-4FE2-B4F4-2855FCFBEED7}" type="pres">
      <dgm:prSet presAssocID="{26F75DEF-B07B-4BD8-893A-A3D114D32E72}" presName="firstChild" presStyleLbl="bgAccFollowNode1" presStyleIdx="8" presStyleCnt="17" custScaleX="123243" custScaleY="55256" custLinFactNeighborX="-11235"/>
      <dgm:spPr/>
    </dgm:pt>
    <dgm:pt modelId="{23FA980E-32B0-4767-BA76-84B45222CB32}" type="pres">
      <dgm:prSet presAssocID="{26F75DEF-B07B-4BD8-893A-A3D114D32E72}" presName="firstChildTx" presStyleLbl="bgAccFollowNode1" presStyleIdx="8" presStyleCnt="17">
        <dgm:presLayoutVars>
          <dgm:bulletEnabled val="1"/>
        </dgm:presLayoutVars>
      </dgm:prSet>
      <dgm:spPr/>
    </dgm:pt>
    <dgm:pt modelId="{539481AA-1E61-4806-B673-D382ABA84E04}" type="pres">
      <dgm:prSet presAssocID="{E24AE59B-7101-4209-8F84-810231744FBB}" presName="comp" presStyleCnt="0"/>
      <dgm:spPr/>
    </dgm:pt>
    <dgm:pt modelId="{08FB9C7E-1B13-420B-9444-5E4599FF5C75}" type="pres">
      <dgm:prSet presAssocID="{E24AE59B-7101-4209-8F84-810231744FBB}" presName="child" presStyleLbl="bgAccFollowNode1" presStyleIdx="9" presStyleCnt="17" custScaleX="122371" custScaleY="67914" custLinFactNeighborX="-11832"/>
      <dgm:spPr/>
    </dgm:pt>
    <dgm:pt modelId="{F62B998D-C518-4752-8D36-BE65DA34E09B}" type="pres">
      <dgm:prSet presAssocID="{E24AE59B-7101-4209-8F84-810231744FBB}" presName="childTx" presStyleLbl="bgAccFollowNode1" presStyleIdx="9" presStyleCnt="17">
        <dgm:presLayoutVars>
          <dgm:bulletEnabled val="1"/>
        </dgm:presLayoutVars>
      </dgm:prSet>
      <dgm:spPr/>
    </dgm:pt>
    <dgm:pt modelId="{F64FA5DB-A2DA-43F9-9667-2EA5B936CD57}" type="pres">
      <dgm:prSet presAssocID="{3F3B8E8D-B9B9-4F47-BC39-D4D0E5784A0A}" presName="comp" presStyleCnt="0"/>
      <dgm:spPr/>
    </dgm:pt>
    <dgm:pt modelId="{69A53A4C-49F2-4133-8315-83D9A73E2E01}" type="pres">
      <dgm:prSet presAssocID="{3F3B8E8D-B9B9-4F47-BC39-D4D0E5784A0A}" presName="child" presStyleLbl="bgAccFollowNode1" presStyleIdx="10" presStyleCnt="17" custScaleX="122371" custScaleY="57614" custLinFactNeighborX="-11832"/>
      <dgm:spPr/>
    </dgm:pt>
    <dgm:pt modelId="{A57100F1-561C-4498-905B-F76C9A44949B}" type="pres">
      <dgm:prSet presAssocID="{3F3B8E8D-B9B9-4F47-BC39-D4D0E5784A0A}" presName="childTx" presStyleLbl="bgAccFollowNode1" presStyleIdx="10" presStyleCnt="17">
        <dgm:presLayoutVars>
          <dgm:bulletEnabled val="1"/>
        </dgm:presLayoutVars>
      </dgm:prSet>
      <dgm:spPr/>
    </dgm:pt>
    <dgm:pt modelId="{48A9C1F9-B40F-420B-9AD3-EDD6A2FBC6F2}" type="pres">
      <dgm:prSet presAssocID="{A43E0655-E57B-42AF-B196-929121A2B034}" presName="comp" presStyleCnt="0"/>
      <dgm:spPr/>
    </dgm:pt>
    <dgm:pt modelId="{51F2C8FC-A47B-4756-82B9-DC9CBA5828C6}" type="pres">
      <dgm:prSet presAssocID="{A43E0655-E57B-42AF-B196-929121A2B034}" presName="child" presStyleLbl="bgAccFollowNode1" presStyleIdx="11" presStyleCnt="17" custScaleX="122371" custScaleY="107679" custLinFactNeighborX="-11832"/>
      <dgm:spPr/>
    </dgm:pt>
    <dgm:pt modelId="{DCEB231B-391D-4B6A-A9A9-B4698892E311}" type="pres">
      <dgm:prSet presAssocID="{A43E0655-E57B-42AF-B196-929121A2B034}" presName="childTx" presStyleLbl="bgAccFollowNode1" presStyleIdx="11" presStyleCnt="17">
        <dgm:presLayoutVars>
          <dgm:bulletEnabled val="1"/>
        </dgm:presLayoutVars>
      </dgm:prSet>
      <dgm:spPr/>
    </dgm:pt>
    <dgm:pt modelId="{5D2BCD23-8D30-45D7-869E-9CD39BDEE69B}" type="pres">
      <dgm:prSet presAssocID="{269DC8C8-9CA4-4B68-A306-83AB352DD980}" presName="comp" presStyleCnt="0"/>
      <dgm:spPr/>
    </dgm:pt>
    <dgm:pt modelId="{D33751E2-7A56-4D3D-8343-87F1D1C28B10}" type="pres">
      <dgm:prSet presAssocID="{269DC8C8-9CA4-4B68-A306-83AB352DD980}" presName="child" presStyleLbl="bgAccFollowNode1" presStyleIdx="12" presStyleCnt="17" custScaleX="122770" custScaleY="81899" custLinFactNeighborX="-11966" custLinFactNeighborY="1026"/>
      <dgm:spPr/>
    </dgm:pt>
    <dgm:pt modelId="{E39DACB3-3665-451A-ACC6-D1CF982CD69C}" type="pres">
      <dgm:prSet presAssocID="{269DC8C8-9CA4-4B68-A306-83AB352DD980}" presName="childTx" presStyleLbl="bgAccFollowNode1" presStyleIdx="12" presStyleCnt="17">
        <dgm:presLayoutVars>
          <dgm:bulletEnabled val="1"/>
        </dgm:presLayoutVars>
      </dgm:prSet>
      <dgm:spPr/>
    </dgm:pt>
    <dgm:pt modelId="{752432E2-1981-4212-AC15-3CC08266D4E9}" type="pres">
      <dgm:prSet presAssocID="{26F75DEF-B07B-4BD8-893A-A3D114D32E72}" presName="negSpace" presStyleCnt="0"/>
      <dgm:spPr/>
    </dgm:pt>
    <dgm:pt modelId="{52AA8FEA-9B5D-41A8-9263-2A98614F901B}" type="pres">
      <dgm:prSet presAssocID="{26F75DEF-B07B-4BD8-893A-A3D114D32E72}" presName="circle" presStyleLbl="node1" presStyleIdx="2" presStyleCnt="4" custLinFactNeighborX="-55907" custLinFactNeighborY="-2144"/>
      <dgm:spPr/>
    </dgm:pt>
    <dgm:pt modelId="{FE30D9E9-C2EB-49AF-B42B-160DC7D46026}" type="pres">
      <dgm:prSet presAssocID="{2FB7B14A-4ED4-4EFB-BD1C-5C92D02C3EC6}" presName="transSpace" presStyleCnt="0"/>
      <dgm:spPr/>
    </dgm:pt>
    <dgm:pt modelId="{17E4A407-D4EE-41B5-919C-4C13F8F6685A}" type="pres">
      <dgm:prSet presAssocID="{1224BF6F-5C0A-4B0F-A4A3-36AEE61BC737}" presName="posSpace" presStyleCnt="0"/>
      <dgm:spPr/>
    </dgm:pt>
    <dgm:pt modelId="{6D213664-7E74-478A-BE77-77E42D14E8DD}" type="pres">
      <dgm:prSet presAssocID="{1224BF6F-5C0A-4B0F-A4A3-36AEE61BC737}" presName="vertFlow" presStyleCnt="0"/>
      <dgm:spPr/>
    </dgm:pt>
    <dgm:pt modelId="{100F3420-DFBB-4C48-80E0-69FC4267493F}" type="pres">
      <dgm:prSet presAssocID="{1224BF6F-5C0A-4B0F-A4A3-36AEE61BC737}" presName="topSpace" presStyleCnt="0"/>
      <dgm:spPr/>
    </dgm:pt>
    <dgm:pt modelId="{CF8E8FD8-0116-4A98-B52C-D26B4ABAEF2E}" type="pres">
      <dgm:prSet presAssocID="{1224BF6F-5C0A-4B0F-A4A3-36AEE61BC737}" presName="firstComp" presStyleCnt="0"/>
      <dgm:spPr/>
    </dgm:pt>
    <dgm:pt modelId="{A282A7AF-1A78-4DAE-AE56-DEC9C8AC471F}" type="pres">
      <dgm:prSet presAssocID="{1224BF6F-5C0A-4B0F-A4A3-36AEE61BC737}" presName="firstChild" presStyleLbl="bgAccFollowNode1" presStyleIdx="13" presStyleCnt="17" custScaleY="56448" custLinFactNeighborX="-23860"/>
      <dgm:spPr/>
    </dgm:pt>
    <dgm:pt modelId="{7B7FBBC0-3D5C-474F-9AD4-23D089190261}" type="pres">
      <dgm:prSet presAssocID="{1224BF6F-5C0A-4B0F-A4A3-36AEE61BC737}" presName="firstChildTx" presStyleLbl="bgAccFollowNode1" presStyleIdx="13" presStyleCnt="17">
        <dgm:presLayoutVars>
          <dgm:bulletEnabled val="1"/>
        </dgm:presLayoutVars>
      </dgm:prSet>
      <dgm:spPr/>
    </dgm:pt>
    <dgm:pt modelId="{3D24D255-ED77-4885-B723-9BCD6CBA078B}" type="pres">
      <dgm:prSet presAssocID="{39B6DBC4-687A-42A8-AE5E-B89AAA49512D}" presName="comp" presStyleCnt="0"/>
      <dgm:spPr/>
    </dgm:pt>
    <dgm:pt modelId="{94C0280D-2916-4130-AE05-F1AB322C2294}" type="pres">
      <dgm:prSet presAssocID="{39B6DBC4-687A-42A8-AE5E-B89AAA49512D}" presName="child" presStyleLbl="bgAccFollowNode1" presStyleIdx="14" presStyleCnt="17" custLinFactNeighborX="-23860"/>
      <dgm:spPr/>
    </dgm:pt>
    <dgm:pt modelId="{C6FD148D-6752-4279-909E-F37531A76369}" type="pres">
      <dgm:prSet presAssocID="{39B6DBC4-687A-42A8-AE5E-B89AAA49512D}" presName="childTx" presStyleLbl="bgAccFollowNode1" presStyleIdx="14" presStyleCnt="17">
        <dgm:presLayoutVars>
          <dgm:bulletEnabled val="1"/>
        </dgm:presLayoutVars>
      </dgm:prSet>
      <dgm:spPr/>
    </dgm:pt>
    <dgm:pt modelId="{183B4C34-E254-4589-8918-A4AE5A2A1D6A}" type="pres">
      <dgm:prSet presAssocID="{A46BD812-DD51-4911-B9BB-A4C939A010B9}" presName="comp" presStyleCnt="0"/>
      <dgm:spPr/>
    </dgm:pt>
    <dgm:pt modelId="{17FFCF7B-0451-4E39-8556-1054A5E24980}" type="pres">
      <dgm:prSet presAssocID="{A46BD812-DD51-4911-B9BB-A4C939A010B9}" presName="child" presStyleLbl="bgAccFollowNode1" presStyleIdx="15" presStyleCnt="17" custAng="0" custLinFactNeighborX="-23860"/>
      <dgm:spPr/>
    </dgm:pt>
    <dgm:pt modelId="{E5DCB3C7-0345-4AF5-8B43-1A11E7562C13}" type="pres">
      <dgm:prSet presAssocID="{A46BD812-DD51-4911-B9BB-A4C939A010B9}" presName="childTx" presStyleLbl="bgAccFollowNode1" presStyleIdx="15" presStyleCnt="17">
        <dgm:presLayoutVars>
          <dgm:bulletEnabled val="1"/>
        </dgm:presLayoutVars>
      </dgm:prSet>
      <dgm:spPr/>
    </dgm:pt>
    <dgm:pt modelId="{516C8438-BD10-4368-95B3-5988601B6484}" type="pres">
      <dgm:prSet presAssocID="{C677ABDD-9CD2-403D-8B54-867E11C01997}" presName="comp" presStyleCnt="0"/>
      <dgm:spPr/>
    </dgm:pt>
    <dgm:pt modelId="{DB30C58D-49B2-47EC-A97D-9C09C3442B4E}" type="pres">
      <dgm:prSet presAssocID="{C677ABDD-9CD2-403D-8B54-867E11C01997}" presName="child" presStyleLbl="bgAccFollowNode1" presStyleIdx="16" presStyleCnt="17" custLinFactNeighborX="-23860"/>
      <dgm:spPr/>
    </dgm:pt>
    <dgm:pt modelId="{E69928D0-954A-4E61-AEB2-7162BCE1EF87}" type="pres">
      <dgm:prSet presAssocID="{C677ABDD-9CD2-403D-8B54-867E11C01997}" presName="childTx" presStyleLbl="bgAccFollowNode1" presStyleIdx="16" presStyleCnt="17">
        <dgm:presLayoutVars>
          <dgm:bulletEnabled val="1"/>
        </dgm:presLayoutVars>
      </dgm:prSet>
      <dgm:spPr/>
    </dgm:pt>
    <dgm:pt modelId="{1FBCB08D-4818-4D5C-AE73-D956E483A256}" type="pres">
      <dgm:prSet presAssocID="{1224BF6F-5C0A-4B0F-A4A3-36AEE61BC737}" presName="negSpace" presStyleCnt="0"/>
      <dgm:spPr/>
    </dgm:pt>
    <dgm:pt modelId="{340D12E5-F151-4F97-A524-1D5E942A70F1}" type="pres">
      <dgm:prSet presAssocID="{1224BF6F-5C0A-4B0F-A4A3-36AEE61BC737}" presName="circle" presStyleLbl="node1" presStyleIdx="3" presStyleCnt="4" custLinFactNeighborX="-15557"/>
      <dgm:spPr/>
    </dgm:pt>
  </dgm:ptLst>
  <dgm:cxnLst>
    <dgm:cxn modelId="{46720706-F307-4C10-B1AD-3DACE58DAE42}" srcId="{1224BF6F-5C0A-4B0F-A4A3-36AEE61BC737}" destId="{A46BD812-DD51-4911-B9BB-A4C939A010B9}" srcOrd="2" destOrd="0" parTransId="{42234D01-3564-400B-B55B-B371F320C380}" sibTransId="{2CB80056-AF7A-4923-93AF-AF56F48BFAD5}"/>
    <dgm:cxn modelId="{5EC7DA0A-7EFB-4C35-8307-00F5EFB6FAAD}" type="presOf" srcId="{3F3B8E8D-B9B9-4F47-BC39-D4D0E5784A0A}" destId="{A57100F1-561C-4498-905B-F76C9A44949B}" srcOrd="1" destOrd="0" presId="urn:microsoft.com/office/officeart/2005/8/layout/hList9"/>
    <dgm:cxn modelId="{57807E0C-C6E9-45B7-9752-91322F53BCA4}" srcId="{26F75DEF-B07B-4BD8-893A-A3D114D32E72}" destId="{A43E0655-E57B-42AF-B196-929121A2B034}" srcOrd="3" destOrd="0" parTransId="{063548B6-6571-4F37-BBBB-B0ED050A2A94}" sibTransId="{2BAF1239-80A1-42BD-8690-B9B67875DEF6}"/>
    <dgm:cxn modelId="{232AB00C-F1C9-4513-847E-C28458312587}" type="presOf" srcId="{DDF5DFBD-D22A-4272-8671-ED043A799D72}" destId="{23FA980E-32B0-4767-BA76-84B45222CB32}" srcOrd="1" destOrd="0" presId="urn:microsoft.com/office/officeart/2005/8/layout/hList9"/>
    <dgm:cxn modelId="{171D5E0D-C2CF-47CE-8D94-DC79D3B6A9E9}" type="presOf" srcId="{A0DC920C-04E2-4D16-BD69-7085FF2FF135}" destId="{A282A7AF-1A78-4DAE-AE56-DEC9C8AC471F}" srcOrd="0" destOrd="0" presId="urn:microsoft.com/office/officeart/2005/8/layout/hList9"/>
    <dgm:cxn modelId="{2BE69310-64FD-48BC-8265-54DA2C61EBC4}" type="presOf" srcId="{A46BD812-DD51-4911-B9BB-A4C939A010B9}" destId="{17FFCF7B-0451-4E39-8556-1054A5E24980}" srcOrd="0" destOrd="0" presId="urn:microsoft.com/office/officeart/2005/8/layout/hList9"/>
    <dgm:cxn modelId="{25BA811B-0CE8-43D0-9747-F543DFECF7D8}" type="presOf" srcId="{B7064D49-D1A4-4BE8-B03F-F1F5A8550524}" destId="{4D5D5DD1-3523-447D-9688-B2752064E02A}" srcOrd="0" destOrd="0" presId="urn:microsoft.com/office/officeart/2005/8/layout/hList9"/>
    <dgm:cxn modelId="{FFC36C22-749E-4AAB-85A9-5231F6B36545}" type="presOf" srcId="{C669393A-0328-483C-AB5A-00696B3F0DC4}" destId="{A210A4A2-74C1-4F59-92E6-144F1D2747B7}" srcOrd="1" destOrd="0" presId="urn:microsoft.com/office/officeart/2005/8/layout/hList9"/>
    <dgm:cxn modelId="{01494127-FB00-471C-BBE8-8A2B741956BF}" type="presOf" srcId="{197AFC1A-0E31-4B1B-8D60-8CF32749C28E}" destId="{BA1E345D-D569-4A3D-8CBC-38B2C6F3902A}" srcOrd="1" destOrd="0" presId="urn:microsoft.com/office/officeart/2005/8/layout/hList9"/>
    <dgm:cxn modelId="{D1E2E127-A388-43E8-9269-7958EF52FE6A}" type="presOf" srcId="{A46BD812-DD51-4911-B9BB-A4C939A010B9}" destId="{E5DCB3C7-0345-4AF5-8B43-1A11E7562C13}" srcOrd="1" destOrd="0" presId="urn:microsoft.com/office/officeart/2005/8/layout/hList9"/>
    <dgm:cxn modelId="{C593FE2C-C8A6-4B45-BD4E-295BB896EF69}" type="presOf" srcId="{5C759FB1-3B63-46F7-9F06-9267B767640A}" destId="{F0B8AC27-66BB-483F-9A23-9F85A0D7AB11}" srcOrd="1" destOrd="0" presId="urn:microsoft.com/office/officeart/2005/8/layout/hList9"/>
    <dgm:cxn modelId="{D433322F-DC60-4C7A-B85C-345DEC247906}" type="presOf" srcId="{C669393A-0328-483C-AB5A-00696B3F0DC4}" destId="{6E0B1642-1274-497C-9FA8-BE19A2A29D20}" srcOrd="0" destOrd="0" presId="urn:microsoft.com/office/officeart/2005/8/layout/hList9"/>
    <dgm:cxn modelId="{012DCC2F-5E22-402B-8B04-A8134F64C61A}" type="presOf" srcId="{783C75D9-CDE0-4720-9C8B-7EBA2F04AC2E}" destId="{8D786550-C0E5-40E9-98A0-5283C8E3C997}" srcOrd="1" destOrd="0" presId="urn:microsoft.com/office/officeart/2005/8/layout/hList9"/>
    <dgm:cxn modelId="{F5D92C31-F58F-41E3-8259-F83FB12F2627}" srcId="{10F7F63C-616E-4631-8619-C58D9263ED55}" destId="{783C75D9-CDE0-4720-9C8B-7EBA2F04AC2E}" srcOrd="1" destOrd="0" parTransId="{8BA8817B-0B80-4583-A9AC-8C6DE4FC055F}" sibTransId="{06AD0F19-200E-4E1D-A63E-6D74DF05004F}"/>
    <dgm:cxn modelId="{3A1E4C33-5ABA-47C4-96E7-035184EFF78E}" type="presOf" srcId="{9B302732-BB90-4D0A-9B0C-5D869B2F95EA}" destId="{D627E12B-2799-47FC-B680-8BFE0D88CDAA}" srcOrd="0" destOrd="0" presId="urn:microsoft.com/office/officeart/2005/8/layout/hList9"/>
    <dgm:cxn modelId="{D863FF37-8A30-4C24-BD8C-A8BCB41FBB98}" type="presOf" srcId="{39B6DBC4-687A-42A8-AE5E-B89AAA49512D}" destId="{94C0280D-2916-4130-AE05-F1AB322C2294}" srcOrd="0" destOrd="0" presId="urn:microsoft.com/office/officeart/2005/8/layout/hList9"/>
    <dgm:cxn modelId="{5B4C8B40-51DB-4D3C-B15E-72C3E2A6323B}" type="presOf" srcId="{C677ABDD-9CD2-403D-8B54-867E11C01997}" destId="{E69928D0-954A-4E61-AEB2-7162BCE1EF87}" srcOrd="1" destOrd="0" presId="urn:microsoft.com/office/officeart/2005/8/layout/hList9"/>
    <dgm:cxn modelId="{D8A4015B-27A6-4130-B803-11847AFBD33A}" type="presOf" srcId="{1224BF6F-5C0A-4B0F-A4A3-36AEE61BC737}" destId="{340D12E5-F151-4F97-A524-1D5E942A70F1}" srcOrd="0" destOrd="0" presId="urn:microsoft.com/office/officeart/2005/8/layout/hList9"/>
    <dgm:cxn modelId="{B1016465-2CEC-4BF3-85B8-59DC9FDEBD81}" type="presOf" srcId="{269DC8C8-9CA4-4B68-A306-83AB352DD980}" destId="{D33751E2-7A56-4D3D-8343-87F1D1C28B10}" srcOrd="0" destOrd="0" presId="urn:microsoft.com/office/officeart/2005/8/layout/hList9"/>
    <dgm:cxn modelId="{A666234A-65FD-4532-BF17-A78B4E7DE875}" srcId="{A09E4154-8D83-4AF6-A07A-2A27E98B9B8F}" destId="{5C7324DA-4B3F-4D45-85BB-E65528ACB3B0}" srcOrd="2" destOrd="0" parTransId="{AF336488-66F7-4557-B5D5-5E352BFB68AD}" sibTransId="{93B3167A-CDF2-4B4D-A433-2BA0F17DCBA7}"/>
    <dgm:cxn modelId="{CEC32F6A-DA2E-4133-ADFE-09273E298C52}" srcId="{A09E4154-8D83-4AF6-A07A-2A27E98B9B8F}" destId="{C669393A-0328-483C-AB5A-00696B3F0DC4}" srcOrd="0" destOrd="0" parTransId="{46EF5CCC-3B05-481A-A9A3-C69BF561865E}" sibTransId="{382DF0BF-705E-4EDF-B3A1-9E88F7631DCF}"/>
    <dgm:cxn modelId="{3CBA5E6D-6E11-4281-AFDE-1FE32AFC5D96}" srcId="{9B302732-BB90-4D0A-9B0C-5D869B2F95EA}" destId="{A09E4154-8D83-4AF6-A07A-2A27E98B9B8F}" srcOrd="0" destOrd="0" parTransId="{13E79339-3774-4EED-9FA0-ADFE628262C7}" sibTransId="{A5DCF056-8C16-4FF5-BF40-14D8D05D6FA5}"/>
    <dgm:cxn modelId="{FBCD9E6E-6991-42A7-B1FE-40D131E52E34}" type="presOf" srcId="{269DC8C8-9CA4-4B68-A306-83AB352DD980}" destId="{E39DACB3-3665-451A-ACC6-D1CF982CD69C}" srcOrd="1" destOrd="0" presId="urn:microsoft.com/office/officeart/2005/8/layout/hList9"/>
    <dgm:cxn modelId="{AD8C0B70-9B8D-4D60-AB66-33DE1CA84010}" type="presOf" srcId="{A43E0655-E57B-42AF-B196-929121A2B034}" destId="{51F2C8FC-A47B-4756-82B9-DC9CBA5828C6}" srcOrd="0" destOrd="0" presId="urn:microsoft.com/office/officeart/2005/8/layout/hList9"/>
    <dgm:cxn modelId="{FB852C70-3CA3-41EE-81B7-E8C82D622314}" srcId="{10F7F63C-616E-4631-8619-C58D9263ED55}" destId="{5C759FB1-3B63-46F7-9F06-9267B767640A}" srcOrd="2" destOrd="0" parTransId="{BF6D18A1-AEA2-48FD-B19B-62687878369F}" sibTransId="{D8A5E5A6-46FF-402A-962E-9745CB245C0D}"/>
    <dgm:cxn modelId="{996C6A70-023E-4274-8A4D-8964661DD5DF}" type="presOf" srcId="{C677ABDD-9CD2-403D-8B54-867E11C01997}" destId="{DB30C58D-49B2-47EC-A97D-9C09C3442B4E}" srcOrd="0" destOrd="0" presId="urn:microsoft.com/office/officeart/2005/8/layout/hList9"/>
    <dgm:cxn modelId="{191C5751-8B7C-4094-AEB8-3541AB594F1E}" type="presOf" srcId="{A09E4154-8D83-4AF6-A07A-2A27E98B9B8F}" destId="{D03A8945-B4AA-463A-9C5C-6AB72432CA86}" srcOrd="0" destOrd="0" presId="urn:microsoft.com/office/officeart/2005/8/layout/hList9"/>
    <dgm:cxn modelId="{99CAE872-CC89-40F1-8F23-EF58181F4036}" srcId="{10F7F63C-616E-4631-8619-C58D9263ED55}" destId="{B7064D49-D1A4-4BE8-B03F-F1F5A8550524}" srcOrd="3" destOrd="0" parTransId="{42EFD3AC-2014-4FE4-8C63-3A8D0EAB5EE9}" sibTransId="{05A69A26-1032-4BDA-911E-71B3349DCB2E}"/>
    <dgm:cxn modelId="{14552958-4F16-4DA2-BF45-3A023B27758F}" type="presOf" srcId="{1D0ADFB6-D316-4DC1-8426-21EE06BAD78E}" destId="{81ECBDC6-FA1D-4E92-AD10-412F354EE355}" srcOrd="1" destOrd="0" presId="urn:microsoft.com/office/officeart/2005/8/layout/hList9"/>
    <dgm:cxn modelId="{198AF178-28BC-45DF-9631-1883254D862F}" type="presOf" srcId="{DDF5DFBD-D22A-4272-8671-ED043A799D72}" destId="{26A30058-B0F6-4FE2-B4F4-2855FCFBEED7}" srcOrd="0" destOrd="0" presId="urn:microsoft.com/office/officeart/2005/8/layout/hList9"/>
    <dgm:cxn modelId="{90268B59-8CBE-4ADD-ACE5-F63446A0E286}" type="presOf" srcId="{A0DC920C-04E2-4D16-BD69-7085FF2FF135}" destId="{7B7FBBC0-3D5C-474F-9AD4-23D089190261}" srcOrd="1" destOrd="0" presId="urn:microsoft.com/office/officeart/2005/8/layout/hList9"/>
    <dgm:cxn modelId="{FD4D797A-860C-4C4D-A7A8-A3326226846E}" srcId="{26F75DEF-B07B-4BD8-893A-A3D114D32E72}" destId="{DDF5DFBD-D22A-4272-8671-ED043A799D72}" srcOrd="0" destOrd="0" parTransId="{E1DF1EC0-7BDB-49A0-A197-20231D54C230}" sibTransId="{6A0AAFA0-6E9D-4135-95B9-466316253E67}"/>
    <dgm:cxn modelId="{07AEC77D-A7B3-42A3-A8C9-31D09876FBA6}" type="presOf" srcId="{39B6DBC4-687A-42A8-AE5E-B89AAA49512D}" destId="{C6FD148D-6752-4279-909E-F37531A76369}" srcOrd="1" destOrd="0" presId="urn:microsoft.com/office/officeart/2005/8/layout/hList9"/>
    <dgm:cxn modelId="{4DE97E7E-4505-4321-9759-9C96DCF15853}" type="presOf" srcId="{DDFE632C-6B8C-4ECF-8273-9BB29307969D}" destId="{34CB954F-9820-4189-A777-78F3DFCC94C2}" srcOrd="0" destOrd="0" presId="urn:microsoft.com/office/officeart/2005/8/layout/hList9"/>
    <dgm:cxn modelId="{906EB681-A166-41D5-B7D9-517342D45E87}" srcId="{9B302732-BB90-4D0A-9B0C-5D869B2F95EA}" destId="{10F7F63C-616E-4631-8619-C58D9263ED55}" srcOrd="1" destOrd="0" parTransId="{F526EE02-9F4D-4926-9C35-7A7D39077086}" sibTransId="{9244587D-35F4-47AB-BD27-CFD83F028EFB}"/>
    <dgm:cxn modelId="{B8407084-C2B9-4CBB-9390-3CF2FC077435}" type="presOf" srcId="{5C7324DA-4B3F-4D45-85BB-E65528ACB3B0}" destId="{D386C353-F899-4C60-B547-B5B390C69904}" srcOrd="0" destOrd="0" presId="urn:microsoft.com/office/officeart/2005/8/layout/hList9"/>
    <dgm:cxn modelId="{FD4F418A-A1D3-439F-A88C-1EBD3C857012}" type="presOf" srcId="{10F7F63C-616E-4631-8619-C58D9263ED55}" destId="{24FB44AB-2885-4FB9-97B0-B5A2F9DDDD1C}" srcOrd="0" destOrd="0" presId="urn:microsoft.com/office/officeart/2005/8/layout/hList9"/>
    <dgm:cxn modelId="{4801DF8E-365A-49EA-9FA7-C5E83B760D1E}" srcId="{10F7F63C-616E-4631-8619-C58D9263ED55}" destId="{197AFC1A-0E31-4B1B-8D60-8CF32749C28E}" srcOrd="0" destOrd="0" parTransId="{ED2D65E2-C497-46CE-97C1-F6DE6D5F3764}" sibTransId="{D6BD4E1E-20D4-4570-A3A5-B8904FA87E24}"/>
    <dgm:cxn modelId="{1249308F-4DD0-4292-8D98-22A9907D182F}" srcId="{A09E4154-8D83-4AF6-A07A-2A27E98B9B8F}" destId="{1D0ADFB6-D316-4DC1-8426-21EE06BAD78E}" srcOrd="3" destOrd="0" parTransId="{8E046C33-E6B2-43EA-950F-EC6F53FEB432}" sibTransId="{91D4F2EA-8A43-4331-A8A9-49CC3111FDEA}"/>
    <dgm:cxn modelId="{FCE49D91-090B-4C1A-B25C-D2EE274AD9F6}" type="presOf" srcId="{E24AE59B-7101-4209-8F84-810231744FBB}" destId="{08FB9C7E-1B13-420B-9444-5E4599FF5C75}" srcOrd="0" destOrd="0" presId="urn:microsoft.com/office/officeart/2005/8/layout/hList9"/>
    <dgm:cxn modelId="{73C7E891-7BCF-4BA8-8A81-2CA5D9BE669F}" type="presOf" srcId="{A43E0655-E57B-42AF-B196-929121A2B034}" destId="{DCEB231B-391D-4B6A-A9A9-B4698892E311}" srcOrd="1" destOrd="0" presId="urn:microsoft.com/office/officeart/2005/8/layout/hList9"/>
    <dgm:cxn modelId="{E242B994-5786-45A9-8BFD-ABC4D52D9B4F}" srcId="{26F75DEF-B07B-4BD8-893A-A3D114D32E72}" destId="{269DC8C8-9CA4-4B68-A306-83AB352DD980}" srcOrd="4" destOrd="0" parTransId="{3184E472-3E50-4479-81FA-69E9048AD6A6}" sibTransId="{59F77021-7D94-4A82-AA4C-A6B0173C70D8}"/>
    <dgm:cxn modelId="{FC55C298-8F5A-4FF1-AB0E-F22F5FC2D2AC}" type="presOf" srcId="{783C75D9-CDE0-4720-9C8B-7EBA2F04AC2E}" destId="{3F6E348E-2770-41BA-BEB7-2D8BF6714B43}" srcOrd="0" destOrd="0" presId="urn:microsoft.com/office/officeart/2005/8/layout/hList9"/>
    <dgm:cxn modelId="{A53FC7A7-053A-454D-962F-24E54CE76E68}" srcId="{A09E4154-8D83-4AF6-A07A-2A27E98B9B8F}" destId="{DDFE632C-6B8C-4ECF-8273-9BB29307969D}" srcOrd="1" destOrd="0" parTransId="{4B0555EC-08DF-415D-8860-A2173B1034AC}" sibTransId="{431AAF1A-D522-499D-972E-49A7F7E673A4}"/>
    <dgm:cxn modelId="{39FD21A8-336D-4637-87C1-D83A7AB27CB6}" srcId="{1224BF6F-5C0A-4B0F-A4A3-36AEE61BC737}" destId="{A0DC920C-04E2-4D16-BD69-7085FF2FF135}" srcOrd="0" destOrd="0" parTransId="{6131D7CA-7EC4-40C9-950F-84FB6662611E}" sibTransId="{B081556B-A3D7-4FC1-9193-194F66F609E2}"/>
    <dgm:cxn modelId="{C7E572AA-C363-4412-A00F-5E40CD0F2AC0}" type="presOf" srcId="{1D0ADFB6-D316-4DC1-8426-21EE06BAD78E}" destId="{688AFCB3-6162-4C5D-94A2-742E8D61E5D5}" srcOrd="0" destOrd="0" presId="urn:microsoft.com/office/officeart/2005/8/layout/hList9"/>
    <dgm:cxn modelId="{7581B0B8-C77C-4947-B68B-1CFF6F2051EC}" srcId="{26F75DEF-B07B-4BD8-893A-A3D114D32E72}" destId="{E24AE59B-7101-4209-8F84-810231744FBB}" srcOrd="1" destOrd="0" parTransId="{9C6DE45F-668D-463B-9D55-A2227BC62F50}" sibTransId="{5F6099B6-3127-49AD-83C0-1285A1E41FD0}"/>
    <dgm:cxn modelId="{0B6A0ED0-8184-496B-8A0A-9B5EFBA4A0F1}" srcId="{9B302732-BB90-4D0A-9B0C-5D869B2F95EA}" destId="{1224BF6F-5C0A-4B0F-A4A3-36AEE61BC737}" srcOrd="3" destOrd="0" parTransId="{69162ADA-679C-4E24-9CF1-88909938E91D}" sibTransId="{5346473D-331D-48AA-A768-2383A8D16EFA}"/>
    <dgm:cxn modelId="{BC4F69D0-769F-4D23-BC7A-E53C4575E880}" srcId="{1224BF6F-5C0A-4B0F-A4A3-36AEE61BC737}" destId="{39B6DBC4-687A-42A8-AE5E-B89AAA49512D}" srcOrd="1" destOrd="0" parTransId="{6F17DE33-B893-43FE-A68A-0401ACAD827F}" sibTransId="{25BC38AF-BAF4-4CA1-ABDB-D039EFB9A3EC}"/>
    <dgm:cxn modelId="{2442F9D1-0FAC-4926-8C84-66D95C2C7E92}" type="presOf" srcId="{3F3B8E8D-B9B9-4F47-BC39-D4D0E5784A0A}" destId="{69A53A4C-49F2-4133-8315-83D9A73E2E01}" srcOrd="0" destOrd="0" presId="urn:microsoft.com/office/officeart/2005/8/layout/hList9"/>
    <dgm:cxn modelId="{DC3058D9-E1FB-4CC4-BCD4-17022E67AFEE}" srcId="{9B302732-BB90-4D0A-9B0C-5D869B2F95EA}" destId="{26F75DEF-B07B-4BD8-893A-A3D114D32E72}" srcOrd="2" destOrd="0" parTransId="{928605B7-0656-4DBF-81FC-325F9932DDF4}" sibTransId="{2FB7B14A-4ED4-4EFB-BD1C-5C92D02C3EC6}"/>
    <dgm:cxn modelId="{2DE893DF-3C81-4B4E-89C8-89B55A975E95}" type="presOf" srcId="{DDFE632C-6B8C-4ECF-8273-9BB29307969D}" destId="{05720134-3796-4A97-9861-1B3531B0EAA5}" srcOrd="1" destOrd="0" presId="urn:microsoft.com/office/officeart/2005/8/layout/hList9"/>
    <dgm:cxn modelId="{5EBA9FE0-1F91-43E8-93FE-A93E1AD1D194}" type="presOf" srcId="{5C759FB1-3B63-46F7-9F06-9267B767640A}" destId="{800CFE88-AE0E-43AC-A41E-7BC3419AE8AB}" srcOrd="0" destOrd="0" presId="urn:microsoft.com/office/officeart/2005/8/layout/hList9"/>
    <dgm:cxn modelId="{771540E4-4DFE-4406-B96A-71DEFD79ABDD}" type="presOf" srcId="{197AFC1A-0E31-4B1B-8D60-8CF32749C28E}" destId="{D766B3DF-1529-4AD9-88F1-72E650038A44}" srcOrd="0" destOrd="0" presId="urn:microsoft.com/office/officeart/2005/8/layout/hList9"/>
    <dgm:cxn modelId="{A4DFDAE5-82E9-4632-8C39-0040103D8198}" srcId="{26F75DEF-B07B-4BD8-893A-A3D114D32E72}" destId="{3F3B8E8D-B9B9-4F47-BC39-D4D0E5784A0A}" srcOrd="2" destOrd="0" parTransId="{D3B50913-1B48-431D-8079-F73BD9C7CB81}" sibTransId="{6BD08B46-8936-40DE-949B-C21D8FE08DF9}"/>
    <dgm:cxn modelId="{E1396FE6-1392-49CA-95BB-644819AD4103}" type="presOf" srcId="{B7064D49-D1A4-4BE8-B03F-F1F5A8550524}" destId="{9DD966A3-4E5E-4FE4-973E-698C90C50628}" srcOrd="1" destOrd="0" presId="urn:microsoft.com/office/officeart/2005/8/layout/hList9"/>
    <dgm:cxn modelId="{248E8FE6-6AC7-4ECF-A36B-A8B05EFCB1E7}" type="presOf" srcId="{E24AE59B-7101-4209-8F84-810231744FBB}" destId="{F62B998D-C518-4752-8D36-BE65DA34E09B}" srcOrd="1" destOrd="0" presId="urn:microsoft.com/office/officeart/2005/8/layout/hList9"/>
    <dgm:cxn modelId="{5E4142E8-F2FE-410C-A215-06FA40DA4708}" type="presOf" srcId="{5C7324DA-4B3F-4D45-85BB-E65528ACB3B0}" destId="{3B509924-6480-4C55-9816-97890880E2FF}" srcOrd="1" destOrd="0" presId="urn:microsoft.com/office/officeart/2005/8/layout/hList9"/>
    <dgm:cxn modelId="{659616F8-4710-42D5-BACC-28B22D6DB9DB}" srcId="{1224BF6F-5C0A-4B0F-A4A3-36AEE61BC737}" destId="{C677ABDD-9CD2-403D-8B54-867E11C01997}" srcOrd="3" destOrd="0" parTransId="{4935F37F-3EB6-416F-9202-AB29DBD6D13F}" sibTransId="{609993BC-259F-4AD1-9C3D-C6CED8767B2D}"/>
    <dgm:cxn modelId="{537B21FE-A719-406E-9AFA-1E85854B9A66}" type="presOf" srcId="{26F75DEF-B07B-4BD8-893A-A3D114D32E72}" destId="{52AA8FEA-9B5D-41A8-9263-2A98614F901B}" srcOrd="0" destOrd="0" presId="urn:microsoft.com/office/officeart/2005/8/layout/hList9"/>
    <dgm:cxn modelId="{E28869A7-8C56-42D3-BD6E-905E536FFCE6}" type="presParOf" srcId="{D627E12B-2799-47FC-B680-8BFE0D88CDAA}" destId="{CAE1E3D8-43EF-4722-AB85-2842E622D18D}" srcOrd="0" destOrd="0" presId="urn:microsoft.com/office/officeart/2005/8/layout/hList9"/>
    <dgm:cxn modelId="{FAA28F0A-A83A-4996-A3FE-C4D126EF737E}" type="presParOf" srcId="{D627E12B-2799-47FC-B680-8BFE0D88CDAA}" destId="{F6FA9A2B-75D5-4924-B589-54710258D10C}" srcOrd="1" destOrd="0" presId="urn:microsoft.com/office/officeart/2005/8/layout/hList9"/>
    <dgm:cxn modelId="{E544D7A4-A6D9-41B9-B844-979F926DAF4A}" type="presParOf" srcId="{F6FA9A2B-75D5-4924-B589-54710258D10C}" destId="{FCA046AC-79C8-4606-BF9C-FA99AB23F2EC}" srcOrd="0" destOrd="0" presId="urn:microsoft.com/office/officeart/2005/8/layout/hList9"/>
    <dgm:cxn modelId="{4C4A1EBB-346F-4E9D-AAC4-2FC5760D8D2A}" type="presParOf" srcId="{F6FA9A2B-75D5-4924-B589-54710258D10C}" destId="{EF17FB7C-30EB-43D6-9870-9EBFB47DCF3C}" srcOrd="1" destOrd="0" presId="urn:microsoft.com/office/officeart/2005/8/layout/hList9"/>
    <dgm:cxn modelId="{63AA9DDD-BDD7-4420-9871-B012E3451018}" type="presParOf" srcId="{EF17FB7C-30EB-43D6-9870-9EBFB47DCF3C}" destId="{6E0B1642-1274-497C-9FA8-BE19A2A29D20}" srcOrd="0" destOrd="0" presId="urn:microsoft.com/office/officeart/2005/8/layout/hList9"/>
    <dgm:cxn modelId="{744961E3-F9CB-4092-9773-D0CC838B7C23}" type="presParOf" srcId="{EF17FB7C-30EB-43D6-9870-9EBFB47DCF3C}" destId="{A210A4A2-74C1-4F59-92E6-144F1D2747B7}" srcOrd="1" destOrd="0" presId="urn:microsoft.com/office/officeart/2005/8/layout/hList9"/>
    <dgm:cxn modelId="{7545E0F6-6229-4294-8642-3C66852D2F87}" type="presParOf" srcId="{F6FA9A2B-75D5-4924-B589-54710258D10C}" destId="{4311AB8E-88E0-4777-B323-A934A0DBBD40}" srcOrd="2" destOrd="0" presId="urn:microsoft.com/office/officeart/2005/8/layout/hList9"/>
    <dgm:cxn modelId="{BCA0ABA7-B2E6-4620-B2E7-CAF5F948717D}" type="presParOf" srcId="{4311AB8E-88E0-4777-B323-A934A0DBBD40}" destId="{34CB954F-9820-4189-A777-78F3DFCC94C2}" srcOrd="0" destOrd="0" presId="urn:microsoft.com/office/officeart/2005/8/layout/hList9"/>
    <dgm:cxn modelId="{1B80E91A-850C-4EE9-A707-421634657269}" type="presParOf" srcId="{4311AB8E-88E0-4777-B323-A934A0DBBD40}" destId="{05720134-3796-4A97-9861-1B3531B0EAA5}" srcOrd="1" destOrd="0" presId="urn:microsoft.com/office/officeart/2005/8/layout/hList9"/>
    <dgm:cxn modelId="{31BEBC87-2D04-4BB7-9559-51EB88608F06}" type="presParOf" srcId="{F6FA9A2B-75D5-4924-B589-54710258D10C}" destId="{CF615D64-D4A8-4117-A668-23F32C888EE5}" srcOrd="3" destOrd="0" presId="urn:microsoft.com/office/officeart/2005/8/layout/hList9"/>
    <dgm:cxn modelId="{FF10E9AC-F556-4579-8C74-BD74A50B9C65}" type="presParOf" srcId="{CF615D64-D4A8-4117-A668-23F32C888EE5}" destId="{D386C353-F899-4C60-B547-B5B390C69904}" srcOrd="0" destOrd="0" presId="urn:microsoft.com/office/officeart/2005/8/layout/hList9"/>
    <dgm:cxn modelId="{6CC477F2-62B6-4FC5-AC87-D58FB705B49A}" type="presParOf" srcId="{CF615D64-D4A8-4117-A668-23F32C888EE5}" destId="{3B509924-6480-4C55-9816-97890880E2FF}" srcOrd="1" destOrd="0" presId="urn:microsoft.com/office/officeart/2005/8/layout/hList9"/>
    <dgm:cxn modelId="{57D66A59-74D9-4C42-B6F3-9725CD6EDA27}" type="presParOf" srcId="{F6FA9A2B-75D5-4924-B589-54710258D10C}" destId="{5433BE67-5CE8-4ED0-991B-255122D9C609}" srcOrd="4" destOrd="0" presId="urn:microsoft.com/office/officeart/2005/8/layout/hList9"/>
    <dgm:cxn modelId="{8A62743C-C6A0-42EB-B129-283C7A9258D0}" type="presParOf" srcId="{5433BE67-5CE8-4ED0-991B-255122D9C609}" destId="{688AFCB3-6162-4C5D-94A2-742E8D61E5D5}" srcOrd="0" destOrd="0" presId="urn:microsoft.com/office/officeart/2005/8/layout/hList9"/>
    <dgm:cxn modelId="{354A105D-D700-4DCE-A64E-6D6311F4793F}" type="presParOf" srcId="{5433BE67-5CE8-4ED0-991B-255122D9C609}" destId="{81ECBDC6-FA1D-4E92-AD10-412F354EE355}" srcOrd="1" destOrd="0" presId="urn:microsoft.com/office/officeart/2005/8/layout/hList9"/>
    <dgm:cxn modelId="{503557C9-5BF3-47A6-9682-1FCDBFE08F46}" type="presParOf" srcId="{D627E12B-2799-47FC-B680-8BFE0D88CDAA}" destId="{75BD0598-A65D-498A-9052-579F888F77B0}" srcOrd="2" destOrd="0" presId="urn:microsoft.com/office/officeart/2005/8/layout/hList9"/>
    <dgm:cxn modelId="{0C0B264D-0633-4E04-8E4C-25EA3FD39B6D}" type="presParOf" srcId="{D627E12B-2799-47FC-B680-8BFE0D88CDAA}" destId="{D03A8945-B4AA-463A-9C5C-6AB72432CA86}" srcOrd="3" destOrd="0" presId="urn:microsoft.com/office/officeart/2005/8/layout/hList9"/>
    <dgm:cxn modelId="{F4EC9EE2-F7D2-4017-84C7-7FE3FC274F93}" type="presParOf" srcId="{D627E12B-2799-47FC-B680-8BFE0D88CDAA}" destId="{26AAD7B3-9E5B-4CB2-A218-0F26EC2A6418}" srcOrd="4" destOrd="0" presId="urn:microsoft.com/office/officeart/2005/8/layout/hList9"/>
    <dgm:cxn modelId="{116EAE14-72AB-48B7-9989-17DA347D731F}" type="presParOf" srcId="{D627E12B-2799-47FC-B680-8BFE0D88CDAA}" destId="{D8FAD199-0088-4B31-9C8B-7DD403B796A4}" srcOrd="5" destOrd="0" presId="urn:microsoft.com/office/officeart/2005/8/layout/hList9"/>
    <dgm:cxn modelId="{07135AD3-8C42-475B-BB4D-D593C83ED526}" type="presParOf" srcId="{D627E12B-2799-47FC-B680-8BFE0D88CDAA}" destId="{EC1DCE39-EC54-4064-9DED-CB5738F3C47B}" srcOrd="6" destOrd="0" presId="urn:microsoft.com/office/officeart/2005/8/layout/hList9"/>
    <dgm:cxn modelId="{B798452C-CA47-4A52-B987-15ED0293F304}" type="presParOf" srcId="{EC1DCE39-EC54-4064-9DED-CB5738F3C47B}" destId="{419CCE95-185C-4CAE-A1C5-170E5D41923B}" srcOrd="0" destOrd="0" presId="urn:microsoft.com/office/officeart/2005/8/layout/hList9"/>
    <dgm:cxn modelId="{B0B54B5D-8380-4F37-9F3D-FB8C3DA7C750}" type="presParOf" srcId="{EC1DCE39-EC54-4064-9DED-CB5738F3C47B}" destId="{D0EF98FF-27A5-4C42-82C4-252BF6B2EBAF}" srcOrd="1" destOrd="0" presId="urn:microsoft.com/office/officeart/2005/8/layout/hList9"/>
    <dgm:cxn modelId="{8A20F252-307D-4AFC-A46F-E78A1E2B86CD}" type="presParOf" srcId="{D0EF98FF-27A5-4C42-82C4-252BF6B2EBAF}" destId="{D766B3DF-1529-4AD9-88F1-72E650038A44}" srcOrd="0" destOrd="0" presId="urn:microsoft.com/office/officeart/2005/8/layout/hList9"/>
    <dgm:cxn modelId="{15625EE9-ADE5-4BE5-AD15-FC37D4B40638}" type="presParOf" srcId="{D0EF98FF-27A5-4C42-82C4-252BF6B2EBAF}" destId="{BA1E345D-D569-4A3D-8CBC-38B2C6F3902A}" srcOrd="1" destOrd="0" presId="urn:microsoft.com/office/officeart/2005/8/layout/hList9"/>
    <dgm:cxn modelId="{71A1E698-652F-4D7F-89C9-44A23F71DEDB}" type="presParOf" srcId="{EC1DCE39-EC54-4064-9DED-CB5738F3C47B}" destId="{C8D80045-4249-4264-B035-5BE98F6776E0}" srcOrd="2" destOrd="0" presId="urn:microsoft.com/office/officeart/2005/8/layout/hList9"/>
    <dgm:cxn modelId="{5106A432-E90C-4ECF-8220-B115531C1FAE}" type="presParOf" srcId="{C8D80045-4249-4264-B035-5BE98F6776E0}" destId="{3F6E348E-2770-41BA-BEB7-2D8BF6714B43}" srcOrd="0" destOrd="0" presId="urn:microsoft.com/office/officeart/2005/8/layout/hList9"/>
    <dgm:cxn modelId="{2940343B-89ED-48EE-B468-FA61A0167779}" type="presParOf" srcId="{C8D80045-4249-4264-B035-5BE98F6776E0}" destId="{8D786550-C0E5-40E9-98A0-5283C8E3C997}" srcOrd="1" destOrd="0" presId="urn:microsoft.com/office/officeart/2005/8/layout/hList9"/>
    <dgm:cxn modelId="{D8BE7610-87FF-42D6-9AB3-DEDB8A8509C6}" type="presParOf" srcId="{EC1DCE39-EC54-4064-9DED-CB5738F3C47B}" destId="{6840464E-DCB3-43CF-B057-5AE01BAE981D}" srcOrd="3" destOrd="0" presId="urn:microsoft.com/office/officeart/2005/8/layout/hList9"/>
    <dgm:cxn modelId="{294CB8F6-31F9-4C9B-B689-C822797F49A9}" type="presParOf" srcId="{6840464E-DCB3-43CF-B057-5AE01BAE981D}" destId="{800CFE88-AE0E-43AC-A41E-7BC3419AE8AB}" srcOrd="0" destOrd="0" presId="urn:microsoft.com/office/officeart/2005/8/layout/hList9"/>
    <dgm:cxn modelId="{D826574B-11E1-46A8-893E-86A3BECB04EE}" type="presParOf" srcId="{6840464E-DCB3-43CF-B057-5AE01BAE981D}" destId="{F0B8AC27-66BB-483F-9A23-9F85A0D7AB11}" srcOrd="1" destOrd="0" presId="urn:microsoft.com/office/officeart/2005/8/layout/hList9"/>
    <dgm:cxn modelId="{06300FF1-0BD4-42A3-AF35-2A9A52B51CFB}" type="presParOf" srcId="{EC1DCE39-EC54-4064-9DED-CB5738F3C47B}" destId="{8DAEA5AD-DE00-445B-BB5B-4B298F96FEC5}" srcOrd="4" destOrd="0" presId="urn:microsoft.com/office/officeart/2005/8/layout/hList9"/>
    <dgm:cxn modelId="{837CC41C-7676-44A7-B99B-EBE05198A461}" type="presParOf" srcId="{8DAEA5AD-DE00-445B-BB5B-4B298F96FEC5}" destId="{4D5D5DD1-3523-447D-9688-B2752064E02A}" srcOrd="0" destOrd="0" presId="urn:microsoft.com/office/officeart/2005/8/layout/hList9"/>
    <dgm:cxn modelId="{1C4D38B8-EC6D-4A47-B48D-21EE506178CD}" type="presParOf" srcId="{8DAEA5AD-DE00-445B-BB5B-4B298F96FEC5}" destId="{9DD966A3-4E5E-4FE4-973E-698C90C50628}" srcOrd="1" destOrd="0" presId="urn:microsoft.com/office/officeart/2005/8/layout/hList9"/>
    <dgm:cxn modelId="{E3FB9AB4-79ED-44B5-A227-20E56C66C6B9}" type="presParOf" srcId="{D627E12B-2799-47FC-B680-8BFE0D88CDAA}" destId="{74642D93-1023-4986-A4AA-79A85D88C380}" srcOrd="7" destOrd="0" presId="urn:microsoft.com/office/officeart/2005/8/layout/hList9"/>
    <dgm:cxn modelId="{E1B19F16-EE10-4316-9D19-1EC4CC5DB43A}" type="presParOf" srcId="{D627E12B-2799-47FC-B680-8BFE0D88CDAA}" destId="{24FB44AB-2885-4FB9-97B0-B5A2F9DDDD1C}" srcOrd="8" destOrd="0" presId="urn:microsoft.com/office/officeart/2005/8/layout/hList9"/>
    <dgm:cxn modelId="{F4E131E9-B4A8-4B9B-988B-60BD28DE38E8}" type="presParOf" srcId="{D627E12B-2799-47FC-B680-8BFE0D88CDAA}" destId="{EE0D3ADB-8303-42CD-838D-88FF0F0C8F51}" srcOrd="9" destOrd="0" presId="urn:microsoft.com/office/officeart/2005/8/layout/hList9"/>
    <dgm:cxn modelId="{9161AFEB-BB8A-4F97-B799-6109E35CCC02}" type="presParOf" srcId="{D627E12B-2799-47FC-B680-8BFE0D88CDAA}" destId="{40C5E4BB-69DD-496C-8435-75FC3B3C85CD}" srcOrd="10" destOrd="0" presId="urn:microsoft.com/office/officeart/2005/8/layout/hList9"/>
    <dgm:cxn modelId="{13785CF4-3FAB-4E81-A017-E06F2847AFC1}" type="presParOf" srcId="{D627E12B-2799-47FC-B680-8BFE0D88CDAA}" destId="{E96E41BB-7C9D-4C1E-9D8F-1915C7C34867}" srcOrd="11" destOrd="0" presId="urn:microsoft.com/office/officeart/2005/8/layout/hList9"/>
    <dgm:cxn modelId="{6F440F72-4672-4E13-9E2C-80C796FFFAAE}" type="presParOf" srcId="{E96E41BB-7C9D-4C1E-9D8F-1915C7C34867}" destId="{358D410E-9B7A-4D35-9A0A-D502F49AA199}" srcOrd="0" destOrd="0" presId="urn:microsoft.com/office/officeart/2005/8/layout/hList9"/>
    <dgm:cxn modelId="{CC11086B-D384-42CC-9A6E-EEEDE996C573}" type="presParOf" srcId="{E96E41BB-7C9D-4C1E-9D8F-1915C7C34867}" destId="{2E862460-65CC-4BA1-82A0-7F6EC996D9B7}" srcOrd="1" destOrd="0" presId="urn:microsoft.com/office/officeart/2005/8/layout/hList9"/>
    <dgm:cxn modelId="{3A3E77C7-41A4-4B3B-973C-36884861B6FF}" type="presParOf" srcId="{2E862460-65CC-4BA1-82A0-7F6EC996D9B7}" destId="{26A30058-B0F6-4FE2-B4F4-2855FCFBEED7}" srcOrd="0" destOrd="0" presId="urn:microsoft.com/office/officeart/2005/8/layout/hList9"/>
    <dgm:cxn modelId="{D532D747-B4E0-4E56-A9E8-9DD1727274D3}" type="presParOf" srcId="{2E862460-65CC-4BA1-82A0-7F6EC996D9B7}" destId="{23FA980E-32B0-4767-BA76-84B45222CB32}" srcOrd="1" destOrd="0" presId="urn:microsoft.com/office/officeart/2005/8/layout/hList9"/>
    <dgm:cxn modelId="{91E8BBD0-382D-483F-99B3-D1AC898964B1}" type="presParOf" srcId="{E96E41BB-7C9D-4C1E-9D8F-1915C7C34867}" destId="{539481AA-1E61-4806-B673-D382ABA84E04}" srcOrd="2" destOrd="0" presId="urn:microsoft.com/office/officeart/2005/8/layout/hList9"/>
    <dgm:cxn modelId="{23804C06-10DC-46C6-9D44-9DF0E4C65F86}" type="presParOf" srcId="{539481AA-1E61-4806-B673-D382ABA84E04}" destId="{08FB9C7E-1B13-420B-9444-5E4599FF5C75}" srcOrd="0" destOrd="0" presId="urn:microsoft.com/office/officeart/2005/8/layout/hList9"/>
    <dgm:cxn modelId="{CCC7F473-B3F6-4FB6-9F12-28CAF5B3FF8C}" type="presParOf" srcId="{539481AA-1E61-4806-B673-D382ABA84E04}" destId="{F62B998D-C518-4752-8D36-BE65DA34E09B}" srcOrd="1" destOrd="0" presId="urn:microsoft.com/office/officeart/2005/8/layout/hList9"/>
    <dgm:cxn modelId="{C5EA6E58-2A55-4EBF-9ECE-AEDEAD9F31C9}" type="presParOf" srcId="{E96E41BB-7C9D-4C1E-9D8F-1915C7C34867}" destId="{F64FA5DB-A2DA-43F9-9667-2EA5B936CD57}" srcOrd="3" destOrd="0" presId="urn:microsoft.com/office/officeart/2005/8/layout/hList9"/>
    <dgm:cxn modelId="{B0D81072-BD71-4A46-AA97-203CC10EAD2B}" type="presParOf" srcId="{F64FA5DB-A2DA-43F9-9667-2EA5B936CD57}" destId="{69A53A4C-49F2-4133-8315-83D9A73E2E01}" srcOrd="0" destOrd="0" presId="urn:microsoft.com/office/officeart/2005/8/layout/hList9"/>
    <dgm:cxn modelId="{A13FB460-45D2-4DBE-85C7-4F11C93D6804}" type="presParOf" srcId="{F64FA5DB-A2DA-43F9-9667-2EA5B936CD57}" destId="{A57100F1-561C-4498-905B-F76C9A44949B}" srcOrd="1" destOrd="0" presId="urn:microsoft.com/office/officeart/2005/8/layout/hList9"/>
    <dgm:cxn modelId="{609006E1-7925-43AA-96D3-CAFA049EB6FD}" type="presParOf" srcId="{E96E41BB-7C9D-4C1E-9D8F-1915C7C34867}" destId="{48A9C1F9-B40F-420B-9AD3-EDD6A2FBC6F2}" srcOrd="4" destOrd="0" presId="urn:microsoft.com/office/officeart/2005/8/layout/hList9"/>
    <dgm:cxn modelId="{7B9B3C70-F575-4177-849E-CA47B8185B92}" type="presParOf" srcId="{48A9C1F9-B40F-420B-9AD3-EDD6A2FBC6F2}" destId="{51F2C8FC-A47B-4756-82B9-DC9CBA5828C6}" srcOrd="0" destOrd="0" presId="urn:microsoft.com/office/officeart/2005/8/layout/hList9"/>
    <dgm:cxn modelId="{5570E3C7-4D67-4F22-B635-A70ACFF36875}" type="presParOf" srcId="{48A9C1F9-B40F-420B-9AD3-EDD6A2FBC6F2}" destId="{DCEB231B-391D-4B6A-A9A9-B4698892E311}" srcOrd="1" destOrd="0" presId="urn:microsoft.com/office/officeart/2005/8/layout/hList9"/>
    <dgm:cxn modelId="{7357A85B-51BF-4E16-BB69-177ED6431444}" type="presParOf" srcId="{E96E41BB-7C9D-4C1E-9D8F-1915C7C34867}" destId="{5D2BCD23-8D30-45D7-869E-9CD39BDEE69B}" srcOrd="5" destOrd="0" presId="urn:microsoft.com/office/officeart/2005/8/layout/hList9"/>
    <dgm:cxn modelId="{2D92F064-2BBD-4856-BB0D-C16469F3B2F0}" type="presParOf" srcId="{5D2BCD23-8D30-45D7-869E-9CD39BDEE69B}" destId="{D33751E2-7A56-4D3D-8343-87F1D1C28B10}" srcOrd="0" destOrd="0" presId="urn:microsoft.com/office/officeart/2005/8/layout/hList9"/>
    <dgm:cxn modelId="{521798EA-F34A-4C3D-858B-ACB55C16FDD0}" type="presParOf" srcId="{5D2BCD23-8D30-45D7-869E-9CD39BDEE69B}" destId="{E39DACB3-3665-451A-ACC6-D1CF982CD69C}" srcOrd="1" destOrd="0" presId="urn:microsoft.com/office/officeart/2005/8/layout/hList9"/>
    <dgm:cxn modelId="{8C25C6EE-AB2C-43D7-B27B-51C35F76F2FD}" type="presParOf" srcId="{D627E12B-2799-47FC-B680-8BFE0D88CDAA}" destId="{752432E2-1981-4212-AC15-3CC08266D4E9}" srcOrd="12" destOrd="0" presId="urn:microsoft.com/office/officeart/2005/8/layout/hList9"/>
    <dgm:cxn modelId="{69DFD594-96EE-43FF-8736-459F40DE2F71}" type="presParOf" srcId="{D627E12B-2799-47FC-B680-8BFE0D88CDAA}" destId="{52AA8FEA-9B5D-41A8-9263-2A98614F901B}" srcOrd="13" destOrd="0" presId="urn:microsoft.com/office/officeart/2005/8/layout/hList9"/>
    <dgm:cxn modelId="{E8E797F4-6D3B-4E0E-A2AE-4498ED31F066}" type="presParOf" srcId="{D627E12B-2799-47FC-B680-8BFE0D88CDAA}" destId="{FE30D9E9-C2EB-49AF-B42B-160DC7D46026}" srcOrd="14" destOrd="0" presId="urn:microsoft.com/office/officeart/2005/8/layout/hList9"/>
    <dgm:cxn modelId="{4324527B-E774-4059-B73C-8F46DE9B8898}" type="presParOf" srcId="{D627E12B-2799-47FC-B680-8BFE0D88CDAA}" destId="{17E4A407-D4EE-41B5-919C-4C13F8F6685A}" srcOrd="15" destOrd="0" presId="urn:microsoft.com/office/officeart/2005/8/layout/hList9"/>
    <dgm:cxn modelId="{E87938AA-0322-47AB-94B9-0629135794C0}" type="presParOf" srcId="{D627E12B-2799-47FC-B680-8BFE0D88CDAA}" destId="{6D213664-7E74-478A-BE77-77E42D14E8DD}" srcOrd="16" destOrd="0" presId="urn:microsoft.com/office/officeart/2005/8/layout/hList9"/>
    <dgm:cxn modelId="{864257E3-0933-40C9-9A56-C25A98E0C867}" type="presParOf" srcId="{6D213664-7E74-478A-BE77-77E42D14E8DD}" destId="{100F3420-DFBB-4C48-80E0-69FC4267493F}" srcOrd="0" destOrd="0" presId="urn:microsoft.com/office/officeart/2005/8/layout/hList9"/>
    <dgm:cxn modelId="{6BFBF0A3-F2ED-4B14-A47D-DBD6E5EC5BDE}" type="presParOf" srcId="{6D213664-7E74-478A-BE77-77E42D14E8DD}" destId="{CF8E8FD8-0116-4A98-B52C-D26B4ABAEF2E}" srcOrd="1" destOrd="0" presId="urn:microsoft.com/office/officeart/2005/8/layout/hList9"/>
    <dgm:cxn modelId="{1A06B110-8456-41AA-A2C7-3B96F5E9734E}" type="presParOf" srcId="{CF8E8FD8-0116-4A98-B52C-D26B4ABAEF2E}" destId="{A282A7AF-1A78-4DAE-AE56-DEC9C8AC471F}" srcOrd="0" destOrd="0" presId="urn:microsoft.com/office/officeart/2005/8/layout/hList9"/>
    <dgm:cxn modelId="{CA6FD1C0-1AFF-433D-A9F3-764B2F5B0796}" type="presParOf" srcId="{CF8E8FD8-0116-4A98-B52C-D26B4ABAEF2E}" destId="{7B7FBBC0-3D5C-474F-9AD4-23D089190261}" srcOrd="1" destOrd="0" presId="urn:microsoft.com/office/officeart/2005/8/layout/hList9"/>
    <dgm:cxn modelId="{D14EA14D-BDA9-496E-96C5-B475ADBCA364}" type="presParOf" srcId="{6D213664-7E74-478A-BE77-77E42D14E8DD}" destId="{3D24D255-ED77-4885-B723-9BCD6CBA078B}" srcOrd="2" destOrd="0" presId="urn:microsoft.com/office/officeart/2005/8/layout/hList9"/>
    <dgm:cxn modelId="{9B736986-BEE4-41C5-980A-25E8E60D3E81}" type="presParOf" srcId="{3D24D255-ED77-4885-B723-9BCD6CBA078B}" destId="{94C0280D-2916-4130-AE05-F1AB322C2294}" srcOrd="0" destOrd="0" presId="urn:microsoft.com/office/officeart/2005/8/layout/hList9"/>
    <dgm:cxn modelId="{EE967A27-428C-42A6-A617-E252B78BA7A4}" type="presParOf" srcId="{3D24D255-ED77-4885-B723-9BCD6CBA078B}" destId="{C6FD148D-6752-4279-909E-F37531A76369}" srcOrd="1" destOrd="0" presId="urn:microsoft.com/office/officeart/2005/8/layout/hList9"/>
    <dgm:cxn modelId="{2E2E93F3-8409-48CD-8FE3-D7FF23E27DEA}" type="presParOf" srcId="{6D213664-7E74-478A-BE77-77E42D14E8DD}" destId="{183B4C34-E254-4589-8918-A4AE5A2A1D6A}" srcOrd="3" destOrd="0" presId="urn:microsoft.com/office/officeart/2005/8/layout/hList9"/>
    <dgm:cxn modelId="{AA34141A-3C53-4D2F-A15A-B5F7CD266F26}" type="presParOf" srcId="{183B4C34-E254-4589-8918-A4AE5A2A1D6A}" destId="{17FFCF7B-0451-4E39-8556-1054A5E24980}" srcOrd="0" destOrd="0" presId="urn:microsoft.com/office/officeart/2005/8/layout/hList9"/>
    <dgm:cxn modelId="{671E3457-427D-4BFF-BE55-E2C2D2487696}" type="presParOf" srcId="{183B4C34-E254-4589-8918-A4AE5A2A1D6A}" destId="{E5DCB3C7-0345-4AF5-8B43-1A11E7562C13}" srcOrd="1" destOrd="0" presId="urn:microsoft.com/office/officeart/2005/8/layout/hList9"/>
    <dgm:cxn modelId="{E3D6383F-19C0-413D-A97A-EB301BFF4103}" type="presParOf" srcId="{6D213664-7E74-478A-BE77-77E42D14E8DD}" destId="{516C8438-BD10-4368-95B3-5988601B6484}" srcOrd="4" destOrd="0" presId="urn:microsoft.com/office/officeart/2005/8/layout/hList9"/>
    <dgm:cxn modelId="{F374385A-B0D1-42A1-B673-311C871B08DF}" type="presParOf" srcId="{516C8438-BD10-4368-95B3-5988601B6484}" destId="{DB30C58D-49B2-47EC-A97D-9C09C3442B4E}" srcOrd="0" destOrd="0" presId="urn:microsoft.com/office/officeart/2005/8/layout/hList9"/>
    <dgm:cxn modelId="{5759FE81-447D-4233-AE6B-D7168CA93B33}" type="presParOf" srcId="{516C8438-BD10-4368-95B3-5988601B6484}" destId="{E69928D0-954A-4E61-AEB2-7162BCE1EF87}" srcOrd="1" destOrd="0" presId="urn:microsoft.com/office/officeart/2005/8/layout/hList9"/>
    <dgm:cxn modelId="{CEDFAB34-2C71-4172-A38E-C559747319B6}" type="presParOf" srcId="{D627E12B-2799-47FC-B680-8BFE0D88CDAA}" destId="{1FBCB08D-4818-4D5C-AE73-D956E483A256}" srcOrd="17" destOrd="0" presId="urn:microsoft.com/office/officeart/2005/8/layout/hList9"/>
    <dgm:cxn modelId="{C8E1E70C-138E-4B77-A36A-32FA8BE96690}" type="presParOf" srcId="{D627E12B-2799-47FC-B680-8BFE0D88CDAA}" destId="{340D12E5-F151-4F97-A524-1D5E942A70F1}" srcOrd="18" destOrd="0" presId="urn:microsoft.com/office/officeart/2005/8/layout/hList9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C11399B6-4729-4B1D-A48A-30B72A8ED58A}" type="doc">
      <dgm:prSet loTypeId="urn:microsoft.com/office/officeart/2005/8/layout/cycle4" loCatId="relationship" qsTypeId="urn:microsoft.com/office/officeart/2005/8/quickstyle/simple2" qsCatId="simple" csTypeId="urn:microsoft.com/office/officeart/2005/8/colors/accent5_1" csCatId="accent5" phldr="1"/>
      <dgm:spPr/>
      <dgm:t>
        <a:bodyPr/>
        <a:lstStyle/>
        <a:p>
          <a:endParaRPr lang="en-US"/>
        </a:p>
      </dgm:t>
    </dgm:pt>
    <dgm:pt modelId="{C83DA183-7C08-4A46-9A4E-7FC3A7047032}">
      <dgm:prSet phldrT="[Text]" custT="1"/>
      <dgm:spPr/>
      <dgm:t>
        <a:bodyPr/>
        <a:lstStyle/>
        <a:p>
          <a:pPr algn="l"/>
          <a:r>
            <a:rPr lang="en-US" sz="1200" b="1" dirty="0">
              <a:solidFill>
                <a:schemeClr val="bg2">
                  <a:lumMod val="50000"/>
                </a:schemeClr>
              </a:solidFill>
            </a:rPr>
            <a:t>Increasing risk of Customs fraud</a:t>
          </a:r>
        </a:p>
      </dgm:t>
    </dgm:pt>
    <dgm:pt modelId="{4CC6F14F-9D09-4C44-8F6E-57D025DF6817}" type="parTrans" cxnId="{46D7BB57-1C12-41C6-8E5C-6D9BC3672F8E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0CFC401B-AB58-4640-B6C7-B77B8562E8F9}" type="sibTrans" cxnId="{46D7BB57-1C12-41C6-8E5C-6D9BC3672F8E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74CA3BF4-8B84-4DBA-9550-27D1FA735C5F}">
      <dgm:prSet phldrT="[Text]" custT="1"/>
      <dgm:spPr/>
      <dgm:t>
        <a:bodyPr/>
        <a:lstStyle/>
        <a:p>
          <a:pPr marL="169863" indent="-169863"/>
          <a:r>
            <a:rPr lang="en-US" sz="1000" b="1" dirty="0">
              <a:solidFill>
                <a:schemeClr val="bg2">
                  <a:lumMod val="50000"/>
                </a:schemeClr>
              </a:solidFill>
            </a:rPr>
            <a:t>Valuation, classification and origin fraud</a:t>
          </a:r>
        </a:p>
      </dgm:t>
    </dgm:pt>
    <dgm:pt modelId="{58A3E663-C519-4D6B-9B30-56B85E734794}" type="parTrans" cxnId="{839DEBA0-4D18-4E31-BC06-734A44278ACB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18CBE134-D52C-40CD-A6CE-80BA8C99CD80}" type="sibTrans" cxnId="{839DEBA0-4D18-4E31-BC06-734A44278ACB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FECE32F4-7671-490C-B7E4-CD22F2CAA411}">
      <dgm:prSet phldrT="[Text]" custT="1"/>
      <dgm:spPr/>
      <dgm:t>
        <a:bodyPr/>
        <a:lstStyle/>
        <a:p>
          <a:pPr marL="169863" indent="-169863"/>
          <a:r>
            <a:rPr lang="en-US" sz="1000" b="1" dirty="0">
              <a:solidFill>
                <a:schemeClr val="bg2">
                  <a:lumMod val="50000"/>
                </a:schemeClr>
              </a:solidFill>
              <a:sym typeface="Inter"/>
            </a:rPr>
            <a:t>Limited resources</a:t>
          </a:r>
          <a:endParaRPr lang="en-US" sz="1000" b="1" dirty="0">
            <a:solidFill>
              <a:schemeClr val="bg2">
                <a:lumMod val="50000"/>
              </a:schemeClr>
            </a:solidFill>
          </a:endParaRPr>
        </a:p>
      </dgm:t>
    </dgm:pt>
    <dgm:pt modelId="{FAFEB1B8-675B-4887-B7BE-9573034AC7E6}" type="parTrans" cxnId="{C86EC5E8-B4D7-4507-87CE-F738934495CE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D8CB390D-03CD-468A-B40A-F19858B67F41}" type="sibTrans" cxnId="{C86EC5E8-B4D7-4507-87CE-F738934495CE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7F5475A4-A71F-451D-8178-B6CECB915BBC}">
      <dgm:prSet phldrT="[Text]" custT="1"/>
      <dgm:spPr/>
      <dgm:t>
        <a:bodyPr/>
        <a:lstStyle/>
        <a:p>
          <a:r>
            <a:rPr lang="en-US" sz="1200" b="1" dirty="0">
              <a:solidFill>
                <a:schemeClr val="bg2">
                  <a:lumMod val="50000"/>
                </a:schemeClr>
              </a:solidFill>
              <a:sym typeface="Inter"/>
            </a:rPr>
            <a:t>Loss in Revenue Collection</a:t>
          </a:r>
          <a:endParaRPr lang="en-US" sz="1200" b="1" dirty="0">
            <a:solidFill>
              <a:schemeClr val="bg2">
                <a:lumMod val="50000"/>
              </a:schemeClr>
            </a:solidFill>
          </a:endParaRPr>
        </a:p>
      </dgm:t>
    </dgm:pt>
    <dgm:pt modelId="{A025B6DD-8606-4FD8-BA34-46D39192C439}" type="parTrans" cxnId="{F6B20309-87F9-4300-BC1A-677C07D2A37D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5B895997-BEDA-4352-BF1E-FE8FD0FA1E69}" type="sibTrans" cxnId="{F6B20309-87F9-4300-BC1A-677C07D2A37D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147113A0-4A63-48BB-BBE9-DE50B8F5CDE6}">
      <dgm:prSet custT="1"/>
      <dgm:spPr/>
      <dgm:t>
        <a:bodyPr/>
        <a:lstStyle/>
        <a:p>
          <a:pPr marL="169863" indent="-169863"/>
          <a:r>
            <a:rPr lang="en-US" sz="1000" b="1" dirty="0">
              <a:solidFill>
                <a:schemeClr val="bg2">
                  <a:lumMod val="50000"/>
                </a:schemeClr>
              </a:solidFill>
            </a:rPr>
            <a:t>Smuggling</a:t>
          </a:r>
        </a:p>
      </dgm:t>
    </dgm:pt>
    <dgm:pt modelId="{A60F55A8-E76F-435D-8F6E-FD5F6776AD7E}" type="parTrans" cxnId="{4EE072D0-189B-4C37-9AC0-36DEC117F097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20BBE114-1BF2-46B4-AA94-9895B6EFD2CA}" type="sibTrans" cxnId="{4EE072D0-189B-4C37-9AC0-36DEC117F097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F83070ED-ADB2-411A-A7A9-87DF19D11208}">
      <dgm:prSet custT="1"/>
      <dgm:spPr/>
      <dgm:t>
        <a:bodyPr/>
        <a:lstStyle/>
        <a:p>
          <a:r>
            <a:rPr lang="en" sz="1200" b="1" dirty="0">
              <a:solidFill>
                <a:schemeClr val="bg2">
                  <a:lumMod val="50000"/>
                </a:schemeClr>
              </a:solidFill>
              <a:sym typeface="Inter"/>
            </a:rPr>
            <a:t>Challenging decision-making environment</a:t>
          </a:r>
          <a:endParaRPr lang="en-US" sz="1200" b="1" dirty="0">
            <a:solidFill>
              <a:schemeClr val="bg2">
                <a:lumMod val="50000"/>
              </a:schemeClr>
            </a:solidFill>
          </a:endParaRPr>
        </a:p>
      </dgm:t>
    </dgm:pt>
    <dgm:pt modelId="{BD638BDC-F6FA-4F6C-B987-E3E7E81C7499}" type="parTrans" cxnId="{42A8F55F-A70B-487D-9721-83A041CD6156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3B5A4817-70CF-47F5-9795-80196111FAA8}" type="sibTrans" cxnId="{42A8F55F-A70B-487D-9721-83A041CD6156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998B23F3-911A-4E35-8BE4-91A4892A7D5A}">
      <dgm:prSet phldrT="[Text]" custT="1"/>
      <dgm:spPr/>
      <dgm:t>
        <a:bodyPr/>
        <a:lstStyle/>
        <a:p>
          <a:pPr marL="169863" indent="-169863"/>
          <a:r>
            <a:rPr lang="en-US" sz="1000" b="1" dirty="0">
              <a:solidFill>
                <a:schemeClr val="bg2">
                  <a:lumMod val="50000"/>
                </a:schemeClr>
              </a:solidFill>
            </a:rPr>
            <a:t>Underpayment/Non-payment of duties and taxes</a:t>
          </a:r>
        </a:p>
      </dgm:t>
    </dgm:pt>
    <dgm:pt modelId="{4865EF5D-E10C-4736-BDCD-923CB91EF119}" type="parTrans" cxnId="{9ED96D7C-D1BB-491B-90BE-11AEB1C6348F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8941666D-3B8B-4F03-B10E-D1F040941A42}" type="sibTrans" cxnId="{9ED96D7C-D1BB-491B-90BE-11AEB1C6348F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7B0CF5BD-DED0-4A9F-A5F9-FDB91F0B8710}">
      <dgm:prSet phldrT="[Text]" custT="1"/>
      <dgm:spPr/>
      <dgm:t>
        <a:bodyPr/>
        <a:lstStyle/>
        <a:p>
          <a:pPr marL="169863" indent="-169863"/>
          <a:r>
            <a:rPr lang="en-US" sz="1000" b="1" dirty="0">
              <a:solidFill>
                <a:schemeClr val="bg2">
                  <a:lumMod val="50000"/>
                </a:schemeClr>
              </a:solidFill>
            </a:rPr>
            <a:t>Prohibitions and illegal drugs</a:t>
          </a:r>
        </a:p>
      </dgm:t>
    </dgm:pt>
    <dgm:pt modelId="{8BDFC829-020F-4030-BD1B-FA31B7435BED}" type="sibTrans" cxnId="{2DA5F4AC-A4B8-4A9E-8AF5-409446C72409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D69A1C4E-BAD8-40AC-9F54-84C7B30EF28C}" type="parTrans" cxnId="{2DA5F4AC-A4B8-4A9E-8AF5-409446C72409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854CA6F4-133F-48D9-AC40-43E1A0C5535A}">
      <dgm:prSet custT="1"/>
      <dgm:spPr/>
      <dgm:t>
        <a:bodyPr/>
        <a:lstStyle/>
        <a:p>
          <a:r>
            <a:rPr lang="en-US" sz="1200" b="1" dirty="0">
              <a:solidFill>
                <a:schemeClr val="bg2">
                  <a:lumMod val="50000"/>
                </a:schemeClr>
              </a:solidFill>
              <a:sym typeface="Inter"/>
            </a:rPr>
            <a:t>Threats to safety and security </a:t>
          </a:r>
        </a:p>
      </dgm:t>
    </dgm:pt>
    <dgm:pt modelId="{0619DEEF-BDFC-48D1-8CEF-3A46DAE48583}" type="sibTrans" cxnId="{0BCB214D-A473-405B-8BEB-E4436C796B57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11B61C39-A2FD-495D-A1DE-147C55A8D546}" type="parTrans" cxnId="{0BCB214D-A473-405B-8BEB-E4436C796B57}">
      <dgm:prSet/>
      <dgm:spPr/>
      <dgm:t>
        <a:bodyPr/>
        <a:lstStyle/>
        <a:p>
          <a:endParaRPr lang="en-US" sz="2400">
            <a:solidFill>
              <a:schemeClr val="bg2">
                <a:lumMod val="50000"/>
              </a:schemeClr>
            </a:solidFill>
          </a:endParaRPr>
        </a:p>
      </dgm:t>
    </dgm:pt>
    <dgm:pt modelId="{827762D5-A854-421A-BC03-5CE646AFB3E6}">
      <dgm:prSet phldrT="[Text]" custT="1"/>
      <dgm:spPr/>
      <dgm:t>
        <a:bodyPr/>
        <a:lstStyle/>
        <a:p>
          <a:pPr marL="169863" indent="-169863"/>
          <a:r>
            <a:rPr lang="en-US" sz="1000" b="1" dirty="0">
              <a:solidFill>
                <a:schemeClr val="bg2">
                  <a:lumMod val="50000"/>
                </a:schemeClr>
              </a:solidFill>
            </a:rPr>
            <a:t>Complex legal framework</a:t>
          </a:r>
        </a:p>
      </dgm:t>
    </dgm:pt>
    <dgm:pt modelId="{CA422175-E01B-4EDA-ADC8-34FAA7ACA9F3}" type="parTrans" cxnId="{A669538A-5C2B-4ED8-A1A2-EE269B490FA4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258B3C2B-9ABD-4187-8408-00EF4A3598EA}" type="sibTrans" cxnId="{A669538A-5C2B-4ED8-A1A2-EE269B490FA4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A47CE725-5861-43E2-8959-20EFBCF8F025}">
      <dgm:prSet phldrT="[Text]" custT="1"/>
      <dgm:spPr/>
      <dgm:t>
        <a:bodyPr/>
        <a:lstStyle/>
        <a:p>
          <a:pPr marL="169863" indent="-169863"/>
          <a:r>
            <a:rPr lang="en-US" sz="1000" b="1" dirty="0">
              <a:solidFill>
                <a:schemeClr val="bg2">
                  <a:lumMod val="50000"/>
                </a:schemeClr>
              </a:solidFill>
            </a:rPr>
            <a:t>Trade-off between enforcement and facilitation</a:t>
          </a:r>
        </a:p>
      </dgm:t>
    </dgm:pt>
    <dgm:pt modelId="{2392951D-C8CE-4C43-BD3C-480405882EC1}" type="parTrans" cxnId="{9985F061-714E-4F21-ABC5-1FCC088FC4AB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649747F1-5318-4059-90A9-3C6465AA0003}" type="sibTrans" cxnId="{9985F061-714E-4F21-ABC5-1FCC088FC4AB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62CD76DB-C542-4E42-B140-BC9BBD4336CE}">
      <dgm:prSet phldrT="[Text]" custT="1"/>
      <dgm:spPr/>
      <dgm:t>
        <a:bodyPr/>
        <a:lstStyle/>
        <a:p>
          <a:pPr marL="169863" indent="-169863"/>
          <a:r>
            <a:rPr lang="en-US" sz="1000" b="1" dirty="0">
              <a:solidFill>
                <a:schemeClr val="bg2">
                  <a:lumMod val="50000"/>
                </a:schemeClr>
              </a:solidFill>
            </a:rPr>
            <a:t>Increasing volume trade</a:t>
          </a:r>
        </a:p>
      </dgm:t>
    </dgm:pt>
    <dgm:pt modelId="{3C4A733F-6DBB-4646-8960-6DB5BE7D94FB}" type="parTrans" cxnId="{BFA7C2ED-2EA8-4C7B-93E3-A0121A9B0E74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772BC810-000E-4A71-AD80-383C4C815A83}" type="sibTrans" cxnId="{BFA7C2ED-2EA8-4C7B-93E3-A0121A9B0E74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C818044A-BF16-48B4-8F61-E6F417FC02DF}">
      <dgm:prSet phldrT="[Text]" custT="1"/>
      <dgm:spPr/>
      <dgm:t>
        <a:bodyPr/>
        <a:lstStyle/>
        <a:p>
          <a:pPr marL="169863" indent="-169863"/>
          <a:endParaRPr lang="en-US" sz="1000" b="1" dirty="0">
            <a:solidFill>
              <a:schemeClr val="bg2">
                <a:lumMod val="50000"/>
              </a:schemeClr>
            </a:solidFill>
          </a:endParaRPr>
        </a:p>
      </dgm:t>
    </dgm:pt>
    <dgm:pt modelId="{22BB67B3-A3A7-4103-AAD2-E6465697778A}" type="parTrans" cxnId="{44E8F147-7E08-4E52-9491-D5CA6C36FE39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BFF0FF84-E76E-49CC-8F84-C6496B6307E5}" type="sibTrans" cxnId="{44E8F147-7E08-4E52-9491-D5CA6C36FE39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31E6457A-CA97-48BA-88BB-C256E1128E93}">
      <dgm:prSet phldrT="[Text]" custT="1"/>
      <dgm:spPr/>
      <dgm:t>
        <a:bodyPr/>
        <a:lstStyle/>
        <a:p>
          <a:pPr marL="169863" indent="-169863"/>
          <a:r>
            <a:rPr lang="en-US" sz="1000" b="1" dirty="0">
              <a:solidFill>
                <a:schemeClr val="bg2">
                  <a:lumMod val="50000"/>
                </a:schemeClr>
              </a:solidFill>
            </a:rPr>
            <a:t>Highly regulated items </a:t>
          </a:r>
        </a:p>
      </dgm:t>
    </dgm:pt>
    <dgm:pt modelId="{F8030DD3-ACC0-4891-9B9A-20BDDED25D70}" type="parTrans" cxnId="{002AFBE4-DFE1-4CB5-A50E-FEA7C70621E9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2C20646F-AD09-4C99-ACD7-DA19CC06D941}" type="sibTrans" cxnId="{002AFBE4-DFE1-4CB5-A50E-FEA7C70621E9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389F5089-517B-4816-98C5-0964DE890431}" type="pres">
      <dgm:prSet presAssocID="{C11399B6-4729-4B1D-A48A-30B72A8ED58A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</dgm:pt>
    <dgm:pt modelId="{1A854FEF-6D1D-4DAB-AC41-9155B52AD018}" type="pres">
      <dgm:prSet presAssocID="{C11399B6-4729-4B1D-A48A-30B72A8ED58A}" presName="children" presStyleCnt="0"/>
      <dgm:spPr/>
    </dgm:pt>
    <dgm:pt modelId="{9E4C320C-792D-4FB6-92CD-FC5E96274CDB}" type="pres">
      <dgm:prSet presAssocID="{C11399B6-4729-4B1D-A48A-30B72A8ED58A}" presName="child1group" presStyleCnt="0"/>
      <dgm:spPr/>
    </dgm:pt>
    <dgm:pt modelId="{B00E0395-082A-41D3-8EAE-1C7F13FD41C9}" type="pres">
      <dgm:prSet presAssocID="{C11399B6-4729-4B1D-A48A-30B72A8ED58A}" presName="child1" presStyleLbl="bgAcc1" presStyleIdx="0" presStyleCnt="4" custLinFactNeighborX="-14793" custLinFactNeighborY="-1743"/>
      <dgm:spPr/>
    </dgm:pt>
    <dgm:pt modelId="{968DA943-91DD-4306-81C7-C2117F8A75A4}" type="pres">
      <dgm:prSet presAssocID="{C11399B6-4729-4B1D-A48A-30B72A8ED58A}" presName="child1Text" presStyleLbl="bgAcc1" presStyleIdx="0" presStyleCnt="4">
        <dgm:presLayoutVars>
          <dgm:bulletEnabled val="1"/>
        </dgm:presLayoutVars>
      </dgm:prSet>
      <dgm:spPr/>
    </dgm:pt>
    <dgm:pt modelId="{470448D6-69AF-437C-9E95-6018E12BADC2}" type="pres">
      <dgm:prSet presAssocID="{C11399B6-4729-4B1D-A48A-30B72A8ED58A}" presName="child2group" presStyleCnt="0"/>
      <dgm:spPr/>
    </dgm:pt>
    <dgm:pt modelId="{EB735A38-1946-4D5A-A3ED-BEDC7843E42D}" type="pres">
      <dgm:prSet presAssocID="{C11399B6-4729-4B1D-A48A-30B72A8ED58A}" presName="child2" presStyleLbl="bgAcc1" presStyleIdx="1" presStyleCnt="4" custLinFactNeighborX="10620" custLinFactNeighborY="-1743"/>
      <dgm:spPr/>
    </dgm:pt>
    <dgm:pt modelId="{48C87013-C3C0-4C91-9E03-DD9387DFCB41}" type="pres">
      <dgm:prSet presAssocID="{C11399B6-4729-4B1D-A48A-30B72A8ED58A}" presName="child2Text" presStyleLbl="bgAcc1" presStyleIdx="1" presStyleCnt="4">
        <dgm:presLayoutVars>
          <dgm:bulletEnabled val="1"/>
        </dgm:presLayoutVars>
      </dgm:prSet>
      <dgm:spPr/>
    </dgm:pt>
    <dgm:pt modelId="{616E0FF0-601F-4698-8FF8-7658BADEB150}" type="pres">
      <dgm:prSet presAssocID="{C11399B6-4729-4B1D-A48A-30B72A8ED58A}" presName="child3group" presStyleCnt="0"/>
      <dgm:spPr/>
    </dgm:pt>
    <dgm:pt modelId="{29E8153A-1AD7-48B3-B49E-74F8A121B47E}" type="pres">
      <dgm:prSet presAssocID="{C11399B6-4729-4B1D-A48A-30B72A8ED58A}" presName="child3" presStyleLbl="bgAcc1" presStyleIdx="2" presStyleCnt="4" custLinFactNeighborX="16729" custLinFactNeighborY="-2928"/>
      <dgm:spPr/>
    </dgm:pt>
    <dgm:pt modelId="{983E0EAC-BEC4-4902-85F8-579B1A67D235}" type="pres">
      <dgm:prSet presAssocID="{C11399B6-4729-4B1D-A48A-30B72A8ED58A}" presName="child3Text" presStyleLbl="bgAcc1" presStyleIdx="2" presStyleCnt="4">
        <dgm:presLayoutVars>
          <dgm:bulletEnabled val="1"/>
        </dgm:presLayoutVars>
      </dgm:prSet>
      <dgm:spPr/>
    </dgm:pt>
    <dgm:pt modelId="{D79FAF46-3F1C-43FD-8F1D-E681878AE4CB}" type="pres">
      <dgm:prSet presAssocID="{C11399B6-4729-4B1D-A48A-30B72A8ED58A}" presName="child4group" presStyleCnt="0"/>
      <dgm:spPr/>
    </dgm:pt>
    <dgm:pt modelId="{DD8F4FE3-3B2B-47D0-82CD-8428232D56F3}" type="pres">
      <dgm:prSet presAssocID="{C11399B6-4729-4B1D-A48A-30B72A8ED58A}" presName="child4" presStyleLbl="bgAcc1" presStyleIdx="3" presStyleCnt="4" custLinFactNeighborX="-18206" custLinFactNeighborY="-3513"/>
      <dgm:spPr/>
    </dgm:pt>
    <dgm:pt modelId="{9B2299D7-5AC4-4FBA-AAE0-5283F1092887}" type="pres">
      <dgm:prSet presAssocID="{C11399B6-4729-4B1D-A48A-30B72A8ED58A}" presName="child4Text" presStyleLbl="bgAcc1" presStyleIdx="3" presStyleCnt="4">
        <dgm:presLayoutVars>
          <dgm:bulletEnabled val="1"/>
        </dgm:presLayoutVars>
      </dgm:prSet>
      <dgm:spPr/>
    </dgm:pt>
    <dgm:pt modelId="{5CC85FD2-39C7-4D94-8854-78CBEBBA572F}" type="pres">
      <dgm:prSet presAssocID="{C11399B6-4729-4B1D-A48A-30B72A8ED58A}" presName="childPlaceholder" presStyleCnt="0"/>
      <dgm:spPr/>
    </dgm:pt>
    <dgm:pt modelId="{EDA8A01C-1C31-4B89-9DA7-CDE00E267F85}" type="pres">
      <dgm:prSet presAssocID="{C11399B6-4729-4B1D-A48A-30B72A8ED58A}" presName="circle" presStyleCnt="0"/>
      <dgm:spPr/>
    </dgm:pt>
    <dgm:pt modelId="{AD1BC9DD-DE09-41C7-B540-9CDB1BA21A04}" type="pres">
      <dgm:prSet presAssocID="{C11399B6-4729-4B1D-A48A-30B72A8ED58A}" presName="quadrant1" presStyleLbl="node1" presStyleIdx="0" presStyleCnt="4">
        <dgm:presLayoutVars>
          <dgm:chMax val="1"/>
          <dgm:bulletEnabled val="1"/>
        </dgm:presLayoutVars>
      </dgm:prSet>
      <dgm:spPr/>
    </dgm:pt>
    <dgm:pt modelId="{0A606F62-D7C0-4241-A250-84C7A480095C}" type="pres">
      <dgm:prSet presAssocID="{C11399B6-4729-4B1D-A48A-30B72A8ED58A}" presName="quadrant2" presStyleLbl="node1" presStyleIdx="1" presStyleCnt="4">
        <dgm:presLayoutVars>
          <dgm:chMax val="1"/>
          <dgm:bulletEnabled val="1"/>
        </dgm:presLayoutVars>
      </dgm:prSet>
      <dgm:spPr/>
    </dgm:pt>
    <dgm:pt modelId="{0A2723CE-F26E-4DA4-875A-DF453DC232F0}" type="pres">
      <dgm:prSet presAssocID="{C11399B6-4729-4B1D-A48A-30B72A8ED58A}" presName="quadrant3" presStyleLbl="node1" presStyleIdx="2" presStyleCnt="4">
        <dgm:presLayoutVars>
          <dgm:chMax val="1"/>
          <dgm:bulletEnabled val="1"/>
        </dgm:presLayoutVars>
      </dgm:prSet>
      <dgm:spPr/>
    </dgm:pt>
    <dgm:pt modelId="{3EBD1A64-5DD9-4AAD-AA9B-EF905F9D714A}" type="pres">
      <dgm:prSet presAssocID="{C11399B6-4729-4B1D-A48A-30B72A8ED58A}" presName="quadrant4" presStyleLbl="node1" presStyleIdx="3" presStyleCnt="4">
        <dgm:presLayoutVars>
          <dgm:chMax val="1"/>
          <dgm:bulletEnabled val="1"/>
        </dgm:presLayoutVars>
      </dgm:prSet>
      <dgm:spPr/>
    </dgm:pt>
    <dgm:pt modelId="{EF5E07CD-43BB-4CAF-AF58-186792D64DBE}" type="pres">
      <dgm:prSet presAssocID="{C11399B6-4729-4B1D-A48A-30B72A8ED58A}" presName="quadrantPlaceholder" presStyleCnt="0"/>
      <dgm:spPr/>
    </dgm:pt>
    <dgm:pt modelId="{76AC7DF9-B4F0-4D4B-BB13-2CEA77266217}" type="pres">
      <dgm:prSet presAssocID="{C11399B6-4729-4B1D-A48A-30B72A8ED58A}" presName="center1" presStyleLbl="fgShp" presStyleIdx="0" presStyleCnt="2"/>
      <dgm:spPr/>
    </dgm:pt>
    <dgm:pt modelId="{1311285C-87B1-4CF3-A196-F8A7A9BF87DB}" type="pres">
      <dgm:prSet presAssocID="{C11399B6-4729-4B1D-A48A-30B72A8ED58A}" presName="center2" presStyleLbl="fgShp" presStyleIdx="1" presStyleCnt="2"/>
      <dgm:spPr/>
    </dgm:pt>
  </dgm:ptLst>
  <dgm:cxnLst>
    <dgm:cxn modelId="{209EAC01-7BD4-4237-86D3-565CEFF4219A}" type="presOf" srcId="{C11399B6-4729-4B1D-A48A-30B72A8ED58A}" destId="{389F5089-517B-4816-98C5-0964DE890431}" srcOrd="0" destOrd="0" presId="urn:microsoft.com/office/officeart/2005/8/layout/cycle4"/>
    <dgm:cxn modelId="{F6B20309-87F9-4300-BC1A-677C07D2A37D}" srcId="{C11399B6-4729-4B1D-A48A-30B72A8ED58A}" destId="{7F5475A4-A71F-451D-8178-B6CECB915BBC}" srcOrd="3" destOrd="0" parTransId="{A025B6DD-8606-4FD8-BA34-46D39192C439}" sibTransId="{5B895997-BEDA-4352-BF1E-FE8FD0FA1E69}"/>
    <dgm:cxn modelId="{04DE5314-7F74-403E-BD01-2BC996E25068}" type="presOf" srcId="{7B0CF5BD-DED0-4A9F-A5F9-FDB91F0B8710}" destId="{983E0EAC-BEC4-4902-85F8-579B1A67D235}" srcOrd="1" destOrd="1" presId="urn:microsoft.com/office/officeart/2005/8/layout/cycle4"/>
    <dgm:cxn modelId="{37520E24-F831-4B22-922B-761A153A831A}" type="presOf" srcId="{31E6457A-CA97-48BA-88BB-C256E1128E93}" destId="{983E0EAC-BEC4-4902-85F8-579B1A67D235}" srcOrd="1" destOrd="0" presId="urn:microsoft.com/office/officeart/2005/8/layout/cycle4"/>
    <dgm:cxn modelId="{87500526-2719-4CDF-A2D0-D04BFD7767ED}" type="presOf" srcId="{998B23F3-911A-4E35-8BE4-91A4892A7D5A}" destId="{DD8F4FE3-3B2B-47D0-82CD-8428232D56F3}" srcOrd="0" destOrd="0" presId="urn:microsoft.com/office/officeart/2005/8/layout/cycle4"/>
    <dgm:cxn modelId="{1D4DFE33-8246-4012-B392-9264AEA57D3D}" type="presOf" srcId="{827762D5-A854-421A-BC03-5CE646AFB3E6}" destId="{EB735A38-1946-4D5A-A3ED-BEDC7843E42D}" srcOrd="0" destOrd="1" presId="urn:microsoft.com/office/officeart/2005/8/layout/cycle4"/>
    <dgm:cxn modelId="{DAB8475F-98D1-4194-B7FD-BD49C049C0D4}" type="presOf" srcId="{827762D5-A854-421A-BC03-5CE646AFB3E6}" destId="{48C87013-C3C0-4C91-9E03-DD9387DFCB41}" srcOrd="1" destOrd="1" presId="urn:microsoft.com/office/officeart/2005/8/layout/cycle4"/>
    <dgm:cxn modelId="{42A8F55F-A70B-487D-9721-83A041CD6156}" srcId="{C11399B6-4729-4B1D-A48A-30B72A8ED58A}" destId="{F83070ED-ADB2-411A-A7A9-87DF19D11208}" srcOrd="1" destOrd="0" parTransId="{BD638BDC-F6FA-4F6C-B987-E3E7E81C7499}" sibTransId="{3B5A4817-70CF-47F5-9795-80196111FAA8}"/>
    <dgm:cxn modelId="{9985F061-714E-4F21-ABC5-1FCC088FC4AB}" srcId="{F83070ED-ADB2-411A-A7A9-87DF19D11208}" destId="{A47CE725-5861-43E2-8959-20EFBCF8F025}" srcOrd="2" destOrd="0" parTransId="{2392951D-C8CE-4C43-BD3C-480405882EC1}" sibTransId="{649747F1-5318-4059-90A9-3C6465AA0003}"/>
    <dgm:cxn modelId="{44E8F147-7E08-4E52-9491-D5CA6C36FE39}" srcId="{854CA6F4-133F-48D9-AC40-43E1A0C5535A}" destId="{C818044A-BF16-48B4-8F61-E6F417FC02DF}" srcOrd="2" destOrd="0" parTransId="{22BB67B3-A3A7-4103-AAD2-E6465697778A}" sibTransId="{BFF0FF84-E76E-49CC-8F84-C6496B6307E5}"/>
    <dgm:cxn modelId="{D71E804B-A34E-4DFF-88D6-5FE487E97A10}" type="presOf" srcId="{7F5475A4-A71F-451D-8178-B6CECB915BBC}" destId="{3EBD1A64-5DD9-4AAD-AA9B-EF905F9D714A}" srcOrd="0" destOrd="0" presId="urn:microsoft.com/office/officeart/2005/8/layout/cycle4"/>
    <dgm:cxn modelId="{0BCB214D-A473-405B-8BEB-E4436C796B57}" srcId="{C11399B6-4729-4B1D-A48A-30B72A8ED58A}" destId="{854CA6F4-133F-48D9-AC40-43E1A0C5535A}" srcOrd="2" destOrd="0" parTransId="{11B61C39-A2FD-495D-A1DE-147C55A8D546}" sibTransId="{0619DEEF-BDFC-48D1-8CEF-3A46DAE48583}"/>
    <dgm:cxn modelId="{0B44DC4D-6201-4A27-B81F-32FB59D9B536}" type="presOf" srcId="{FECE32F4-7671-490C-B7E4-CD22F2CAA411}" destId="{EB735A38-1946-4D5A-A3ED-BEDC7843E42D}" srcOrd="0" destOrd="0" presId="urn:microsoft.com/office/officeart/2005/8/layout/cycle4"/>
    <dgm:cxn modelId="{661A0C4F-C3F0-4437-8133-8C6426D1CD0B}" type="presOf" srcId="{31E6457A-CA97-48BA-88BB-C256E1128E93}" destId="{29E8153A-1AD7-48B3-B49E-74F8A121B47E}" srcOrd="0" destOrd="0" presId="urn:microsoft.com/office/officeart/2005/8/layout/cycle4"/>
    <dgm:cxn modelId="{7A546372-09CC-4A17-A176-931F4EDCDD27}" type="presOf" srcId="{62CD76DB-C542-4E42-B140-BC9BBD4336CE}" destId="{968DA943-91DD-4306-81C7-C2117F8A75A4}" srcOrd="1" destOrd="0" presId="urn:microsoft.com/office/officeart/2005/8/layout/cycle4"/>
    <dgm:cxn modelId="{08108B73-722F-4D3F-87E9-B3CB371F6675}" type="presOf" srcId="{7B0CF5BD-DED0-4A9F-A5F9-FDB91F0B8710}" destId="{29E8153A-1AD7-48B3-B49E-74F8A121B47E}" srcOrd="0" destOrd="1" presId="urn:microsoft.com/office/officeart/2005/8/layout/cycle4"/>
    <dgm:cxn modelId="{A1077776-DCE7-49F1-A178-602C7442B139}" type="presOf" srcId="{FECE32F4-7671-490C-B7E4-CD22F2CAA411}" destId="{48C87013-C3C0-4C91-9E03-DD9387DFCB41}" srcOrd="1" destOrd="0" presId="urn:microsoft.com/office/officeart/2005/8/layout/cycle4"/>
    <dgm:cxn modelId="{46D7BB57-1C12-41C6-8E5C-6D9BC3672F8E}" srcId="{C11399B6-4729-4B1D-A48A-30B72A8ED58A}" destId="{C83DA183-7C08-4A46-9A4E-7FC3A7047032}" srcOrd="0" destOrd="0" parTransId="{4CC6F14F-9D09-4C44-8F6E-57D025DF6817}" sibTransId="{0CFC401B-AB58-4640-B6C7-B77B8562E8F9}"/>
    <dgm:cxn modelId="{161ACF59-FD09-44B6-89EC-5D67E221B7C2}" type="presOf" srcId="{74CA3BF4-8B84-4DBA-9550-27D1FA735C5F}" destId="{968DA943-91DD-4306-81C7-C2117F8A75A4}" srcOrd="1" destOrd="1" presId="urn:microsoft.com/office/officeart/2005/8/layout/cycle4"/>
    <dgm:cxn modelId="{9ED96D7C-D1BB-491B-90BE-11AEB1C6348F}" srcId="{7F5475A4-A71F-451D-8178-B6CECB915BBC}" destId="{998B23F3-911A-4E35-8BE4-91A4892A7D5A}" srcOrd="0" destOrd="0" parTransId="{4865EF5D-E10C-4736-BDCD-923CB91EF119}" sibTransId="{8941666D-3B8B-4F03-B10E-D1F040941A42}"/>
    <dgm:cxn modelId="{45757680-AC66-4357-8B57-66764BACCCD4}" type="presOf" srcId="{62CD76DB-C542-4E42-B140-BC9BBD4336CE}" destId="{B00E0395-082A-41D3-8EAE-1C7F13FD41C9}" srcOrd="0" destOrd="0" presId="urn:microsoft.com/office/officeart/2005/8/layout/cycle4"/>
    <dgm:cxn modelId="{A669538A-5C2B-4ED8-A1A2-EE269B490FA4}" srcId="{F83070ED-ADB2-411A-A7A9-87DF19D11208}" destId="{827762D5-A854-421A-BC03-5CE646AFB3E6}" srcOrd="1" destOrd="0" parTransId="{CA422175-E01B-4EDA-ADC8-34FAA7ACA9F3}" sibTransId="{258B3C2B-9ABD-4187-8408-00EF4A3598EA}"/>
    <dgm:cxn modelId="{B3BCB096-338E-481F-BD29-D8115F8E01D9}" type="presOf" srcId="{C83DA183-7C08-4A46-9A4E-7FC3A7047032}" destId="{AD1BC9DD-DE09-41C7-B540-9CDB1BA21A04}" srcOrd="0" destOrd="0" presId="urn:microsoft.com/office/officeart/2005/8/layout/cycle4"/>
    <dgm:cxn modelId="{712E009A-47B3-477E-9059-F0387F4C52DA}" type="presOf" srcId="{F83070ED-ADB2-411A-A7A9-87DF19D11208}" destId="{0A606F62-D7C0-4241-A250-84C7A480095C}" srcOrd="0" destOrd="0" presId="urn:microsoft.com/office/officeart/2005/8/layout/cycle4"/>
    <dgm:cxn modelId="{839DEBA0-4D18-4E31-BC06-734A44278ACB}" srcId="{C83DA183-7C08-4A46-9A4E-7FC3A7047032}" destId="{74CA3BF4-8B84-4DBA-9550-27D1FA735C5F}" srcOrd="1" destOrd="0" parTransId="{58A3E663-C519-4D6B-9B30-56B85E734794}" sibTransId="{18CBE134-D52C-40CD-A6CE-80BA8C99CD80}"/>
    <dgm:cxn modelId="{2DA5F4AC-A4B8-4A9E-8AF5-409446C72409}" srcId="{854CA6F4-133F-48D9-AC40-43E1A0C5535A}" destId="{7B0CF5BD-DED0-4A9F-A5F9-FDB91F0B8710}" srcOrd="1" destOrd="0" parTransId="{D69A1C4E-BAD8-40AC-9F54-84C7B30EF28C}" sibTransId="{8BDFC829-020F-4030-BD1B-FA31B7435BED}"/>
    <dgm:cxn modelId="{8C0736B6-6973-491C-AB54-2494D7A25014}" type="presOf" srcId="{147113A0-4A63-48BB-BBE9-DE50B8F5CDE6}" destId="{B00E0395-082A-41D3-8EAE-1C7F13FD41C9}" srcOrd="0" destOrd="2" presId="urn:microsoft.com/office/officeart/2005/8/layout/cycle4"/>
    <dgm:cxn modelId="{AB7E69B9-B2C5-4987-B44F-72C375503AF5}" type="presOf" srcId="{147113A0-4A63-48BB-BBE9-DE50B8F5CDE6}" destId="{968DA943-91DD-4306-81C7-C2117F8A75A4}" srcOrd="1" destOrd="2" presId="urn:microsoft.com/office/officeart/2005/8/layout/cycle4"/>
    <dgm:cxn modelId="{F8B766C1-E10F-4D80-9A0D-267AFE546A42}" type="presOf" srcId="{C818044A-BF16-48B4-8F61-E6F417FC02DF}" destId="{983E0EAC-BEC4-4902-85F8-579B1A67D235}" srcOrd="1" destOrd="2" presId="urn:microsoft.com/office/officeart/2005/8/layout/cycle4"/>
    <dgm:cxn modelId="{6C96BEC1-5D61-43EE-B294-0B8E7695494A}" type="presOf" srcId="{A47CE725-5861-43E2-8959-20EFBCF8F025}" destId="{EB735A38-1946-4D5A-A3ED-BEDC7843E42D}" srcOrd="0" destOrd="2" presId="urn:microsoft.com/office/officeart/2005/8/layout/cycle4"/>
    <dgm:cxn modelId="{9D1223C2-0225-4481-B926-54F9281D3C58}" type="presOf" srcId="{A47CE725-5861-43E2-8959-20EFBCF8F025}" destId="{48C87013-C3C0-4C91-9E03-DD9387DFCB41}" srcOrd="1" destOrd="2" presId="urn:microsoft.com/office/officeart/2005/8/layout/cycle4"/>
    <dgm:cxn modelId="{D815BCCE-4475-4469-ABBD-1B63A5252708}" type="presOf" srcId="{C818044A-BF16-48B4-8F61-E6F417FC02DF}" destId="{29E8153A-1AD7-48B3-B49E-74F8A121B47E}" srcOrd="0" destOrd="2" presId="urn:microsoft.com/office/officeart/2005/8/layout/cycle4"/>
    <dgm:cxn modelId="{4EE072D0-189B-4C37-9AC0-36DEC117F097}" srcId="{C83DA183-7C08-4A46-9A4E-7FC3A7047032}" destId="{147113A0-4A63-48BB-BBE9-DE50B8F5CDE6}" srcOrd="2" destOrd="0" parTransId="{A60F55A8-E76F-435D-8F6E-FD5F6776AD7E}" sibTransId="{20BBE114-1BF2-46B4-AA94-9895B6EFD2CA}"/>
    <dgm:cxn modelId="{002AFBE4-DFE1-4CB5-A50E-FEA7C70621E9}" srcId="{854CA6F4-133F-48D9-AC40-43E1A0C5535A}" destId="{31E6457A-CA97-48BA-88BB-C256E1128E93}" srcOrd="0" destOrd="0" parTransId="{F8030DD3-ACC0-4891-9B9A-20BDDED25D70}" sibTransId="{2C20646F-AD09-4C99-ACD7-DA19CC06D941}"/>
    <dgm:cxn modelId="{52FC35E6-2604-4209-8F00-95EFB2A49466}" type="presOf" srcId="{854CA6F4-133F-48D9-AC40-43E1A0C5535A}" destId="{0A2723CE-F26E-4DA4-875A-DF453DC232F0}" srcOrd="0" destOrd="0" presId="urn:microsoft.com/office/officeart/2005/8/layout/cycle4"/>
    <dgm:cxn modelId="{C86EC5E8-B4D7-4507-87CE-F738934495CE}" srcId="{F83070ED-ADB2-411A-A7A9-87DF19D11208}" destId="{FECE32F4-7671-490C-B7E4-CD22F2CAA411}" srcOrd="0" destOrd="0" parTransId="{FAFEB1B8-675B-4887-B7BE-9573034AC7E6}" sibTransId="{D8CB390D-03CD-468A-B40A-F19858B67F41}"/>
    <dgm:cxn modelId="{BFA7C2ED-2EA8-4C7B-93E3-A0121A9B0E74}" srcId="{C83DA183-7C08-4A46-9A4E-7FC3A7047032}" destId="{62CD76DB-C542-4E42-B140-BC9BBD4336CE}" srcOrd="0" destOrd="0" parTransId="{3C4A733F-6DBB-4646-8960-6DB5BE7D94FB}" sibTransId="{772BC810-000E-4A71-AD80-383C4C815A83}"/>
    <dgm:cxn modelId="{69692BF1-D2E1-45EB-AB41-50E657D43D40}" type="presOf" srcId="{74CA3BF4-8B84-4DBA-9550-27D1FA735C5F}" destId="{B00E0395-082A-41D3-8EAE-1C7F13FD41C9}" srcOrd="0" destOrd="1" presId="urn:microsoft.com/office/officeart/2005/8/layout/cycle4"/>
    <dgm:cxn modelId="{CE8C53F3-83AA-4456-B8DD-60BCC8FAB4FB}" type="presOf" srcId="{998B23F3-911A-4E35-8BE4-91A4892A7D5A}" destId="{9B2299D7-5AC4-4FBA-AAE0-5283F1092887}" srcOrd="1" destOrd="0" presId="urn:microsoft.com/office/officeart/2005/8/layout/cycle4"/>
    <dgm:cxn modelId="{CD3F5BFF-622E-4182-93A9-D2547E729E75}" type="presParOf" srcId="{389F5089-517B-4816-98C5-0964DE890431}" destId="{1A854FEF-6D1D-4DAB-AC41-9155B52AD018}" srcOrd="0" destOrd="0" presId="urn:microsoft.com/office/officeart/2005/8/layout/cycle4"/>
    <dgm:cxn modelId="{75E5BA97-EBC7-422C-9AD1-FCB2AB2528BC}" type="presParOf" srcId="{1A854FEF-6D1D-4DAB-AC41-9155B52AD018}" destId="{9E4C320C-792D-4FB6-92CD-FC5E96274CDB}" srcOrd="0" destOrd="0" presId="urn:microsoft.com/office/officeart/2005/8/layout/cycle4"/>
    <dgm:cxn modelId="{1F97434F-5838-4B6E-AB0E-9878C21D9835}" type="presParOf" srcId="{9E4C320C-792D-4FB6-92CD-FC5E96274CDB}" destId="{B00E0395-082A-41D3-8EAE-1C7F13FD41C9}" srcOrd="0" destOrd="0" presId="urn:microsoft.com/office/officeart/2005/8/layout/cycle4"/>
    <dgm:cxn modelId="{E7631EEA-D102-4540-BF31-82EE61B45A0D}" type="presParOf" srcId="{9E4C320C-792D-4FB6-92CD-FC5E96274CDB}" destId="{968DA943-91DD-4306-81C7-C2117F8A75A4}" srcOrd="1" destOrd="0" presId="urn:microsoft.com/office/officeart/2005/8/layout/cycle4"/>
    <dgm:cxn modelId="{EFDB0407-C10A-4528-8972-E8F9D94CA416}" type="presParOf" srcId="{1A854FEF-6D1D-4DAB-AC41-9155B52AD018}" destId="{470448D6-69AF-437C-9E95-6018E12BADC2}" srcOrd="1" destOrd="0" presId="urn:microsoft.com/office/officeart/2005/8/layout/cycle4"/>
    <dgm:cxn modelId="{93956C09-1425-4C44-9E6F-340FE9273AFB}" type="presParOf" srcId="{470448D6-69AF-437C-9E95-6018E12BADC2}" destId="{EB735A38-1946-4D5A-A3ED-BEDC7843E42D}" srcOrd="0" destOrd="0" presId="urn:microsoft.com/office/officeart/2005/8/layout/cycle4"/>
    <dgm:cxn modelId="{C4998322-C3C6-4AE3-B9B1-45E45E33FE1F}" type="presParOf" srcId="{470448D6-69AF-437C-9E95-6018E12BADC2}" destId="{48C87013-C3C0-4C91-9E03-DD9387DFCB41}" srcOrd="1" destOrd="0" presId="urn:microsoft.com/office/officeart/2005/8/layout/cycle4"/>
    <dgm:cxn modelId="{58143CA9-77E6-4F52-98E5-33E2A82267DC}" type="presParOf" srcId="{1A854FEF-6D1D-4DAB-AC41-9155B52AD018}" destId="{616E0FF0-601F-4698-8FF8-7658BADEB150}" srcOrd="2" destOrd="0" presId="urn:microsoft.com/office/officeart/2005/8/layout/cycle4"/>
    <dgm:cxn modelId="{7E7D3BA6-209A-48DD-B3A9-A2580A683A11}" type="presParOf" srcId="{616E0FF0-601F-4698-8FF8-7658BADEB150}" destId="{29E8153A-1AD7-48B3-B49E-74F8A121B47E}" srcOrd="0" destOrd="0" presId="urn:microsoft.com/office/officeart/2005/8/layout/cycle4"/>
    <dgm:cxn modelId="{56880A66-57F7-457B-A31C-20DA006FA33A}" type="presParOf" srcId="{616E0FF0-601F-4698-8FF8-7658BADEB150}" destId="{983E0EAC-BEC4-4902-85F8-579B1A67D235}" srcOrd="1" destOrd="0" presId="urn:microsoft.com/office/officeart/2005/8/layout/cycle4"/>
    <dgm:cxn modelId="{6D5EB84B-0F3C-4676-A9B3-A8C3954793E7}" type="presParOf" srcId="{1A854FEF-6D1D-4DAB-AC41-9155B52AD018}" destId="{D79FAF46-3F1C-43FD-8F1D-E681878AE4CB}" srcOrd="3" destOrd="0" presId="urn:microsoft.com/office/officeart/2005/8/layout/cycle4"/>
    <dgm:cxn modelId="{16B25F32-4757-4651-92E8-78C6B41DD2FC}" type="presParOf" srcId="{D79FAF46-3F1C-43FD-8F1D-E681878AE4CB}" destId="{DD8F4FE3-3B2B-47D0-82CD-8428232D56F3}" srcOrd="0" destOrd="0" presId="urn:microsoft.com/office/officeart/2005/8/layout/cycle4"/>
    <dgm:cxn modelId="{578765CD-CED9-4C15-98F7-A26C112735C6}" type="presParOf" srcId="{D79FAF46-3F1C-43FD-8F1D-E681878AE4CB}" destId="{9B2299D7-5AC4-4FBA-AAE0-5283F1092887}" srcOrd="1" destOrd="0" presId="urn:microsoft.com/office/officeart/2005/8/layout/cycle4"/>
    <dgm:cxn modelId="{8CFD8763-70D7-4DA1-BA3B-C4EAA6739DED}" type="presParOf" srcId="{1A854FEF-6D1D-4DAB-AC41-9155B52AD018}" destId="{5CC85FD2-39C7-4D94-8854-78CBEBBA572F}" srcOrd="4" destOrd="0" presId="urn:microsoft.com/office/officeart/2005/8/layout/cycle4"/>
    <dgm:cxn modelId="{3735245F-070E-461B-9866-B8E70836B12E}" type="presParOf" srcId="{389F5089-517B-4816-98C5-0964DE890431}" destId="{EDA8A01C-1C31-4B89-9DA7-CDE00E267F85}" srcOrd="1" destOrd="0" presId="urn:microsoft.com/office/officeart/2005/8/layout/cycle4"/>
    <dgm:cxn modelId="{232B0573-28D4-44EB-8D33-50DDCB2F377E}" type="presParOf" srcId="{EDA8A01C-1C31-4B89-9DA7-CDE00E267F85}" destId="{AD1BC9DD-DE09-41C7-B540-9CDB1BA21A04}" srcOrd="0" destOrd="0" presId="urn:microsoft.com/office/officeart/2005/8/layout/cycle4"/>
    <dgm:cxn modelId="{3D7296EE-8AB4-4FEF-B62F-07C0C451CEAC}" type="presParOf" srcId="{EDA8A01C-1C31-4B89-9DA7-CDE00E267F85}" destId="{0A606F62-D7C0-4241-A250-84C7A480095C}" srcOrd="1" destOrd="0" presId="urn:microsoft.com/office/officeart/2005/8/layout/cycle4"/>
    <dgm:cxn modelId="{B7C1F764-2395-426F-BB35-82B21248F306}" type="presParOf" srcId="{EDA8A01C-1C31-4B89-9DA7-CDE00E267F85}" destId="{0A2723CE-F26E-4DA4-875A-DF453DC232F0}" srcOrd="2" destOrd="0" presId="urn:microsoft.com/office/officeart/2005/8/layout/cycle4"/>
    <dgm:cxn modelId="{E5AD1FD9-42CA-4363-844B-51180E04A665}" type="presParOf" srcId="{EDA8A01C-1C31-4B89-9DA7-CDE00E267F85}" destId="{3EBD1A64-5DD9-4AAD-AA9B-EF905F9D714A}" srcOrd="3" destOrd="0" presId="urn:microsoft.com/office/officeart/2005/8/layout/cycle4"/>
    <dgm:cxn modelId="{427E530C-370C-431A-8229-E10AED9E7CAB}" type="presParOf" srcId="{EDA8A01C-1C31-4B89-9DA7-CDE00E267F85}" destId="{EF5E07CD-43BB-4CAF-AF58-186792D64DBE}" srcOrd="4" destOrd="0" presId="urn:microsoft.com/office/officeart/2005/8/layout/cycle4"/>
    <dgm:cxn modelId="{E3AE87B3-AD8C-4856-84BB-D92B037075B3}" type="presParOf" srcId="{389F5089-517B-4816-98C5-0964DE890431}" destId="{76AC7DF9-B4F0-4D4B-BB13-2CEA77266217}" srcOrd="2" destOrd="0" presId="urn:microsoft.com/office/officeart/2005/8/layout/cycle4"/>
    <dgm:cxn modelId="{3BBBE88A-BB43-47DB-95EA-40C8DA6CD8C5}" type="presParOf" srcId="{389F5089-517B-4816-98C5-0964DE890431}" destId="{1311285C-87B1-4CF3-A196-F8A7A9BF87DB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E198F462-8F50-4E1D-A26E-15728F0597A8}" type="doc">
      <dgm:prSet loTypeId="urn:microsoft.com/office/officeart/2008/layout/VerticalCurvedList" loCatId="list" qsTypeId="urn:microsoft.com/office/officeart/2005/8/quickstyle/simple1" qsCatId="simple" csTypeId="urn:microsoft.com/office/officeart/2005/8/colors/accent5_1" csCatId="accent5" phldr="1"/>
      <dgm:spPr/>
      <dgm:t>
        <a:bodyPr/>
        <a:lstStyle/>
        <a:p>
          <a:endParaRPr lang="en-US"/>
        </a:p>
      </dgm:t>
    </dgm:pt>
    <dgm:pt modelId="{7FB547AF-9006-4F85-A5F6-0C3497BE5D7D}">
      <dgm:prSet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Model Pipeline</a:t>
          </a:r>
        </a:p>
      </dgm:t>
    </dgm:pt>
    <dgm:pt modelId="{7CD03EF6-7FE9-448F-8483-FB6C0C06F7EA}" type="parTrans" cxnId="{809E9A15-A41C-49E0-8521-CE0E444EF171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22F77844-D04E-458A-B125-E19C6313E422}" type="sibTrans" cxnId="{809E9A15-A41C-49E0-8521-CE0E444EF171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3322AE94-0732-455E-B473-B19FF957E596}">
      <dgm:prSet custT="1"/>
      <dgm:spPr/>
      <dgm:t>
        <a:bodyPr/>
        <a:lstStyle/>
        <a:p>
          <a:r>
            <a:rPr lang="en-US" sz="1100" b="1">
              <a:solidFill>
                <a:schemeClr val="bg2">
                  <a:lumMod val="50000"/>
                </a:schemeClr>
              </a:solidFill>
            </a:rPr>
            <a:t>Feature Engineering</a:t>
          </a:r>
        </a:p>
      </dgm:t>
    </dgm:pt>
    <dgm:pt modelId="{0A888646-60D4-45D9-8439-36E3C31E539F}" type="parTrans" cxnId="{B9840835-6183-42C8-AC52-4EE1CA21D317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8C391845-4166-463D-9163-419956663BFE}" type="sibTrans" cxnId="{B9840835-6183-42C8-AC52-4EE1CA21D317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2D3F626C-8BB6-45A0-8C63-4AB0CEFF79A7}">
      <dgm:prSet custT="1"/>
      <dgm:spPr/>
      <dgm:t>
        <a:bodyPr/>
        <a:lstStyle/>
        <a:p>
          <a:r>
            <a:rPr lang="en-US" sz="1100" b="1">
              <a:solidFill>
                <a:schemeClr val="bg2">
                  <a:lumMod val="50000"/>
                </a:schemeClr>
              </a:solidFill>
            </a:rPr>
            <a:t>Risk Profiling</a:t>
          </a:r>
        </a:p>
      </dgm:t>
    </dgm:pt>
    <dgm:pt modelId="{168330DA-1B44-4D8E-A842-31927E17CE3D}" type="parTrans" cxnId="{965BB652-EE5E-4481-81F1-3B9551A2622C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59EBB613-5968-43F5-839C-373B2EE598E8}" type="sibTrans" cxnId="{965BB652-EE5E-4481-81F1-3B9551A2622C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A9209034-183F-4E6A-BAA6-1FCD5EC0BBF1}">
      <dgm:prSet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Feature Selection</a:t>
          </a:r>
        </a:p>
      </dgm:t>
    </dgm:pt>
    <dgm:pt modelId="{F03F5B90-C1C8-4BF9-BCC5-22F2C6A78F13}" type="parTrans" cxnId="{BAB8E161-0DF4-4A2E-9789-728DE2A1629D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BDC687C3-D72B-461C-896D-03CA247CF9DC}" type="sibTrans" cxnId="{BAB8E161-0DF4-4A2E-9789-728DE2A1629D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59EE6691-E0E2-4607-8F91-8B9FDB6DC173}">
      <dgm:prSet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Models Training and Evaluation</a:t>
          </a:r>
        </a:p>
      </dgm:t>
    </dgm:pt>
    <dgm:pt modelId="{EB504D66-1198-45AF-AC70-BA85AB62AB7E}" type="parTrans" cxnId="{FD0BCEDB-AD09-4256-9722-FA8999278E0B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4FA1EAC4-7D62-4330-9518-0744661DDB14}" type="sibTrans" cxnId="{FD0BCEDB-AD09-4256-9722-FA8999278E0B}">
      <dgm:prSet/>
      <dgm:spPr/>
      <dgm:t>
        <a:bodyPr/>
        <a:lstStyle/>
        <a:p>
          <a:endParaRPr lang="en-US" sz="1100" b="1">
            <a:solidFill>
              <a:schemeClr val="bg2">
                <a:lumMod val="50000"/>
              </a:schemeClr>
            </a:solidFill>
          </a:endParaRPr>
        </a:p>
      </dgm:t>
    </dgm:pt>
    <dgm:pt modelId="{014EA3CD-C074-4601-A801-D805EBF899A7}">
      <dgm:prSet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Data Wrangling and EDA</a:t>
          </a:r>
        </a:p>
      </dgm:t>
    </dgm:pt>
    <dgm:pt modelId="{926D88E1-13F3-419F-82EF-B6D43A6D26BF}" type="parTrans" cxnId="{4CDEB685-4ADC-4091-86DF-B0AA3168214C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0164EC4B-78EC-45C0-9D18-A7079EF22D2A}" type="sibTrans" cxnId="{4CDEB685-4ADC-4091-86DF-B0AA3168214C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9CCF761E-D8E4-410F-B29C-851C344EE4AC}">
      <dgm:prSet custT="1"/>
      <dgm:spPr/>
      <dgm:t>
        <a:bodyPr/>
        <a:lstStyle/>
        <a:p>
          <a:r>
            <a:rPr lang="en-US" sz="1100" b="1" dirty="0">
              <a:solidFill>
                <a:schemeClr val="bg2">
                  <a:lumMod val="50000"/>
                </a:schemeClr>
              </a:solidFill>
            </a:rPr>
            <a:t>Model Selection</a:t>
          </a:r>
        </a:p>
      </dgm:t>
    </dgm:pt>
    <dgm:pt modelId="{12941F28-10B9-4396-9738-E17FD5FD5BCC}" type="parTrans" cxnId="{8DD64DED-CEAF-435C-B265-3A09AD07FC3B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17135975-8D09-4FAF-A1E9-CC6062096742}" type="sibTrans" cxnId="{8DD64DED-CEAF-435C-B265-3A09AD07FC3B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FEA4BF09-C6D5-459E-B12F-13A7F5309120}" type="pres">
      <dgm:prSet presAssocID="{E198F462-8F50-4E1D-A26E-15728F0597A8}" presName="Name0" presStyleCnt="0">
        <dgm:presLayoutVars>
          <dgm:chMax val="7"/>
          <dgm:chPref val="7"/>
          <dgm:dir/>
        </dgm:presLayoutVars>
      </dgm:prSet>
      <dgm:spPr/>
    </dgm:pt>
    <dgm:pt modelId="{44C05282-3A79-428A-A07D-66C6FE10A01E}" type="pres">
      <dgm:prSet presAssocID="{E198F462-8F50-4E1D-A26E-15728F0597A8}" presName="Name1" presStyleCnt="0"/>
      <dgm:spPr/>
    </dgm:pt>
    <dgm:pt modelId="{00C5B5AD-BC45-438E-80B5-944C6AF3BD79}" type="pres">
      <dgm:prSet presAssocID="{E198F462-8F50-4E1D-A26E-15728F0597A8}" presName="cycle" presStyleCnt="0"/>
      <dgm:spPr/>
    </dgm:pt>
    <dgm:pt modelId="{8A268346-7095-4CBD-B745-58DA53E29594}" type="pres">
      <dgm:prSet presAssocID="{E198F462-8F50-4E1D-A26E-15728F0597A8}" presName="srcNode" presStyleLbl="node1" presStyleIdx="0" presStyleCnt="7"/>
      <dgm:spPr/>
    </dgm:pt>
    <dgm:pt modelId="{C78E42C5-2903-466E-B65E-4F6720ACF06E}" type="pres">
      <dgm:prSet presAssocID="{E198F462-8F50-4E1D-A26E-15728F0597A8}" presName="conn" presStyleLbl="parChTrans1D2" presStyleIdx="0" presStyleCnt="1"/>
      <dgm:spPr/>
    </dgm:pt>
    <dgm:pt modelId="{55883F31-E78B-4C6C-B05F-FBDCD81FF2C7}" type="pres">
      <dgm:prSet presAssocID="{E198F462-8F50-4E1D-A26E-15728F0597A8}" presName="extraNode" presStyleLbl="node1" presStyleIdx="0" presStyleCnt="7"/>
      <dgm:spPr/>
    </dgm:pt>
    <dgm:pt modelId="{29BD18C7-EF85-428C-9648-897745DA2A9F}" type="pres">
      <dgm:prSet presAssocID="{E198F462-8F50-4E1D-A26E-15728F0597A8}" presName="dstNode" presStyleLbl="node1" presStyleIdx="0" presStyleCnt="7"/>
      <dgm:spPr/>
    </dgm:pt>
    <dgm:pt modelId="{E9828699-C490-4288-9E7B-CFCAB4AB4D12}" type="pres">
      <dgm:prSet presAssocID="{7FB547AF-9006-4F85-A5F6-0C3497BE5D7D}" presName="text_1" presStyleLbl="node1" presStyleIdx="0" presStyleCnt="7">
        <dgm:presLayoutVars>
          <dgm:bulletEnabled val="1"/>
        </dgm:presLayoutVars>
      </dgm:prSet>
      <dgm:spPr/>
    </dgm:pt>
    <dgm:pt modelId="{BB6875DF-0137-4AA1-990F-0944177A7386}" type="pres">
      <dgm:prSet presAssocID="{7FB547AF-9006-4F85-A5F6-0C3497BE5D7D}" presName="accent_1" presStyleCnt="0"/>
      <dgm:spPr/>
    </dgm:pt>
    <dgm:pt modelId="{814F3A21-1F81-4EA0-B136-F2A1388D0EA7}" type="pres">
      <dgm:prSet presAssocID="{7FB547AF-9006-4F85-A5F6-0C3497BE5D7D}" presName="accentRepeatNode" presStyleLbl="solidFgAcc1" presStyleIdx="0" presStyleCnt="7"/>
      <dgm:spPr/>
    </dgm:pt>
    <dgm:pt modelId="{5DA611B3-AE8E-4861-A62B-DE6AED993C96}" type="pres">
      <dgm:prSet presAssocID="{014EA3CD-C074-4601-A801-D805EBF899A7}" presName="text_2" presStyleLbl="node1" presStyleIdx="1" presStyleCnt="7">
        <dgm:presLayoutVars>
          <dgm:bulletEnabled val="1"/>
        </dgm:presLayoutVars>
      </dgm:prSet>
      <dgm:spPr/>
    </dgm:pt>
    <dgm:pt modelId="{59FAF1C2-FC7D-40CF-9B6D-63648222CA46}" type="pres">
      <dgm:prSet presAssocID="{014EA3CD-C074-4601-A801-D805EBF899A7}" presName="accent_2" presStyleCnt="0"/>
      <dgm:spPr/>
    </dgm:pt>
    <dgm:pt modelId="{E9BC30CE-AB70-4FED-AAF7-94A27C06C8DD}" type="pres">
      <dgm:prSet presAssocID="{014EA3CD-C074-4601-A801-D805EBF899A7}" presName="accentRepeatNode" presStyleLbl="solidFgAcc1" presStyleIdx="1" presStyleCnt="7"/>
      <dgm:spPr/>
    </dgm:pt>
    <dgm:pt modelId="{32846CA1-834A-4110-A0E3-C64D21A68C3F}" type="pres">
      <dgm:prSet presAssocID="{3322AE94-0732-455E-B473-B19FF957E596}" presName="text_3" presStyleLbl="node1" presStyleIdx="2" presStyleCnt="7">
        <dgm:presLayoutVars>
          <dgm:bulletEnabled val="1"/>
        </dgm:presLayoutVars>
      </dgm:prSet>
      <dgm:spPr/>
    </dgm:pt>
    <dgm:pt modelId="{2438682F-7013-4389-B5DC-2B52B7FB086D}" type="pres">
      <dgm:prSet presAssocID="{3322AE94-0732-455E-B473-B19FF957E596}" presName="accent_3" presStyleCnt="0"/>
      <dgm:spPr/>
    </dgm:pt>
    <dgm:pt modelId="{38EB1E9B-74F2-46C9-9A56-023CA8D4AFD8}" type="pres">
      <dgm:prSet presAssocID="{3322AE94-0732-455E-B473-B19FF957E596}" presName="accentRepeatNode" presStyleLbl="solidFgAcc1" presStyleIdx="2" presStyleCnt="7"/>
      <dgm:spPr/>
    </dgm:pt>
    <dgm:pt modelId="{D7C8CD7D-EC6E-4A9F-8C2E-BD424AF54A98}" type="pres">
      <dgm:prSet presAssocID="{2D3F626C-8BB6-45A0-8C63-4AB0CEFF79A7}" presName="text_4" presStyleLbl="node1" presStyleIdx="3" presStyleCnt="7">
        <dgm:presLayoutVars>
          <dgm:bulletEnabled val="1"/>
        </dgm:presLayoutVars>
      </dgm:prSet>
      <dgm:spPr/>
    </dgm:pt>
    <dgm:pt modelId="{44E1D371-ED09-49AE-8026-E6E14E3DDDE4}" type="pres">
      <dgm:prSet presAssocID="{2D3F626C-8BB6-45A0-8C63-4AB0CEFF79A7}" presName="accent_4" presStyleCnt="0"/>
      <dgm:spPr/>
    </dgm:pt>
    <dgm:pt modelId="{FC1447BF-942A-408A-A2F9-12AC5C555AFC}" type="pres">
      <dgm:prSet presAssocID="{2D3F626C-8BB6-45A0-8C63-4AB0CEFF79A7}" presName="accentRepeatNode" presStyleLbl="solidFgAcc1" presStyleIdx="3" presStyleCnt="7"/>
      <dgm:spPr/>
    </dgm:pt>
    <dgm:pt modelId="{BAEADAEC-048D-401E-B4E1-1F1F0BE4D925}" type="pres">
      <dgm:prSet presAssocID="{A9209034-183F-4E6A-BAA6-1FCD5EC0BBF1}" presName="text_5" presStyleLbl="node1" presStyleIdx="4" presStyleCnt="7">
        <dgm:presLayoutVars>
          <dgm:bulletEnabled val="1"/>
        </dgm:presLayoutVars>
      </dgm:prSet>
      <dgm:spPr/>
    </dgm:pt>
    <dgm:pt modelId="{EBC0D013-CDE1-4FDC-9FBE-BE52BC55FE62}" type="pres">
      <dgm:prSet presAssocID="{A9209034-183F-4E6A-BAA6-1FCD5EC0BBF1}" presName="accent_5" presStyleCnt="0"/>
      <dgm:spPr/>
    </dgm:pt>
    <dgm:pt modelId="{BD70E20A-A0ED-45D9-876D-0F908C96853E}" type="pres">
      <dgm:prSet presAssocID="{A9209034-183F-4E6A-BAA6-1FCD5EC0BBF1}" presName="accentRepeatNode" presStyleLbl="solidFgAcc1" presStyleIdx="4" presStyleCnt="7"/>
      <dgm:spPr/>
    </dgm:pt>
    <dgm:pt modelId="{73A76EA7-EA9B-4256-8845-1564AECD7B2D}" type="pres">
      <dgm:prSet presAssocID="{59EE6691-E0E2-4607-8F91-8B9FDB6DC173}" presName="text_6" presStyleLbl="node1" presStyleIdx="5" presStyleCnt="7">
        <dgm:presLayoutVars>
          <dgm:bulletEnabled val="1"/>
        </dgm:presLayoutVars>
      </dgm:prSet>
      <dgm:spPr/>
    </dgm:pt>
    <dgm:pt modelId="{12CF02DB-B60D-4624-A61A-B80BEAC5BD64}" type="pres">
      <dgm:prSet presAssocID="{59EE6691-E0E2-4607-8F91-8B9FDB6DC173}" presName="accent_6" presStyleCnt="0"/>
      <dgm:spPr/>
    </dgm:pt>
    <dgm:pt modelId="{18DE93CA-B4B3-42CE-948F-5270FA15AD65}" type="pres">
      <dgm:prSet presAssocID="{59EE6691-E0E2-4607-8F91-8B9FDB6DC173}" presName="accentRepeatNode" presStyleLbl="solidFgAcc1" presStyleIdx="5" presStyleCnt="7"/>
      <dgm:spPr/>
    </dgm:pt>
    <dgm:pt modelId="{00967837-EC4C-4BF3-AEC5-3F314A38DC26}" type="pres">
      <dgm:prSet presAssocID="{9CCF761E-D8E4-410F-B29C-851C344EE4AC}" presName="text_7" presStyleLbl="node1" presStyleIdx="6" presStyleCnt="7">
        <dgm:presLayoutVars>
          <dgm:bulletEnabled val="1"/>
        </dgm:presLayoutVars>
      </dgm:prSet>
      <dgm:spPr/>
    </dgm:pt>
    <dgm:pt modelId="{FBF55855-C9DA-40D3-9807-50F95A1CABDF}" type="pres">
      <dgm:prSet presAssocID="{9CCF761E-D8E4-410F-B29C-851C344EE4AC}" presName="accent_7" presStyleCnt="0"/>
      <dgm:spPr/>
    </dgm:pt>
    <dgm:pt modelId="{90B57D0D-C1CB-4A7F-ADFC-96A8936EB2E8}" type="pres">
      <dgm:prSet presAssocID="{9CCF761E-D8E4-410F-B29C-851C344EE4AC}" presName="accentRepeatNode" presStyleLbl="solidFgAcc1" presStyleIdx="6" presStyleCnt="7"/>
      <dgm:spPr/>
    </dgm:pt>
  </dgm:ptLst>
  <dgm:cxnLst>
    <dgm:cxn modelId="{809E9A15-A41C-49E0-8521-CE0E444EF171}" srcId="{E198F462-8F50-4E1D-A26E-15728F0597A8}" destId="{7FB547AF-9006-4F85-A5F6-0C3497BE5D7D}" srcOrd="0" destOrd="0" parTransId="{7CD03EF6-7FE9-448F-8483-FB6C0C06F7EA}" sibTransId="{22F77844-D04E-458A-B125-E19C6313E422}"/>
    <dgm:cxn modelId="{72051331-6638-4C4B-B946-00E1267E3A66}" type="presOf" srcId="{A9209034-183F-4E6A-BAA6-1FCD5EC0BBF1}" destId="{BAEADAEC-048D-401E-B4E1-1F1F0BE4D925}" srcOrd="0" destOrd="0" presId="urn:microsoft.com/office/officeart/2008/layout/VerticalCurvedList"/>
    <dgm:cxn modelId="{B9840835-6183-42C8-AC52-4EE1CA21D317}" srcId="{E198F462-8F50-4E1D-A26E-15728F0597A8}" destId="{3322AE94-0732-455E-B473-B19FF957E596}" srcOrd="2" destOrd="0" parTransId="{0A888646-60D4-45D9-8439-36E3C31E539F}" sibTransId="{8C391845-4166-463D-9163-419956663BFE}"/>
    <dgm:cxn modelId="{79AF653C-7C82-42C5-929D-86290D09CC77}" type="presOf" srcId="{2D3F626C-8BB6-45A0-8C63-4AB0CEFF79A7}" destId="{D7C8CD7D-EC6E-4A9F-8C2E-BD424AF54A98}" srcOrd="0" destOrd="0" presId="urn:microsoft.com/office/officeart/2008/layout/VerticalCurvedList"/>
    <dgm:cxn modelId="{BAB8E161-0DF4-4A2E-9789-728DE2A1629D}" srcId="{E198F462-8F50-4E1D-A26E-15728F0597A8}" destId="{A9209034-183F-4E6A-BAA6-1FCD5EC0BBF1}" srcOrd="4" destOrd="0" parTransId="{F03F5B90-C1C8-4BF9-BCC5-22F2C6A78F13}" sibTransId="{BDC687C3-D72B-461C-896D-03CA247CF9DC}"/>
    <dgm:cxn modelId="{BA80D263-097C-4583-A7D0-CF390D945827}" type="presOf" srcId="{7FB547AF-9006-4F85-A5F6-0C3497BE5D7D}" destId="{E9828699-C490-4288-9E7B-CFCAB4AB4D12}" srcOrd="0" destOrd="0" presId="urn:microsoft.com/office/officeart/2008/layout/VerticalCurvedList"/>
    <dgm:cxn modelId="{965BB652-EE5E-4481-81F1-3B9551A2622C}" srcId="{E198F462-8F50-4E1D-A26E-15728F0597A8}" destId="{2D3F626C-8BB6-45A0-8C63-4AB0CEFF79A7}" srcOrd="3" destOrd="0" parTransId="{168330DA-1B44-4D8E-A842-31927E17CE3D}" sibTransId="{59EBB613-5968-43F5-839C-373B2EE598E8}"/>
    <dgm:cxn modelId="{177D0982-D740-425F-9080-10BBADF39F8F}" type="presOf" srcId="{014EA3CD-C074-4601-A801-D805EBF899A7}" destId="{5DA611B3-AE8E-4861-A62B-DE6AED993C96}" srcOrd="0" destOrd="0" presId="urn:microsoft.com/office/officeart/2008/layout/VerticalCurvedList"/>
    <dgm:cxn modelId="{4CDEB685-4ADC-4091-86DF-B0AA3168214C}" srcId="{E198F462-8F50-4E1D-A26E-15728F0597A8}" destId="{014EA3CD-C074-4601-A801-D805EBF899A7}" srcOrd="1" destOrd="0" parTransId="{926D88E1-13F3-419F-82EF-B6D43A6D26BF}" sibTransId="{0164EC4B-78EC-45C0-9D18-A7079EF22D2A}"/>
    <dgm:cxn modelId="{29056995-8EDE-4340-A18D-F68481819044}" type="presOf" srcId="{22F77844-D04E-458A-B125-E19C6313E422}" destId="{C78E42C5-2903-466E-B65E-4F6720ACF06E}" srcOrd="0" destOrd="0" presId="urn:microsoft.com/office/officeart/2008/layout/VerticalCurvedList"/>
    <dgm:cxn modelId="{F955EFB0-943E-464A-8D54-1D2E2EC56087}" type="presOf" srcId="{59EE6691-E0E2-4607-8F91-8B9FDB6DC173}" destId="{73A76EA7-EA9B-4256-8845-1564AECD7B2D}" srcOrd="0" destOrd="0" presId="urn:microsoft.com/office/officeart/2008/layout/VerticalCurvedList"/>
    <dgm:cxn modelId="{BF3A05C3-63B0-4DA0-BD75-23CE1D7FE7E0}" type="presOf" srcId="{9CCF761E-D8E4-410F-B29C-851C344EE4AC}" destId="{00967837-EC4C-4BF3-AEC5-3F314A38DC26}" srcOrd="0" destOrd="0" presId="urn:microsoft.com/office/officeart/2008/layout/VerticalCurvedList"/>
    <dgm:cxn modelId="{FD0BCEDB-AD09-4256-9722-FA8999278E0B}" srcId="{E198F462-8F50-4E1D-A26E-15728F0597A8}" destId="{59EE6691-E0E2-4607-8F91-8B9FDB6DC173}" srcOrd="5" destOrd="0" parTransId="{EB504D66-1198-45AF-AC70-BA85AB62AB7E}" sibTransId="{4FA1EAC4-7D62-4330-9518-0744661DDB14}"/>
    <dgm:cxn modelId="{393FA7E7-008C-4777-A6E3-0B1CF632DD9A}" type="presOf" srcId="{3322AE94-0732-455E-B473-B19FF957E596}" destId="{32846CA1-834A-4110-A0E3-C64D21A68C3F}" srcOrd="0" destOrd="0" presId="urn:microsoft.com/office/officeart/2008/layout/VerticalCurvedList"/>
    <dgm:cxn modelId="{8DD64DED-CEAF-435C-B265-3A09AD07FC3B}" srcId="{E198F462-8F50-4E1D-A26E-15728F0597A8}" destId="{9CCF761E-D8E4-410F-B29C-851C344EE4AC}" srcOrd="6" destOrd="0" parTransId="{12941F28-10B9-4396-9738-E17FD5FD5BCC}" sibTransId="{17135975-8D09-4FAF-A1E9-CC6062096742}"/>
    <dgm:cxn modelId="{B42F99ED-EF8E-4E51-BAFA-5C392FA4D357}" type="presOf" srcId="{E198F462-8F50-4E1D-A26E-15728F0597A8}" destId="{FEA4BF09-C6D5-459E-B12F-13A7F5309120}" srcOrd="0" destOrd="0" presId="urn:microsoft.com/office/officeart/2008/layout/VerticalCurvedList"/>
    <dgm:cxn modelId="{36445E88-3D97-4F70-9F9D-40118CDC4EFE}" type="presParOf" srcId="{FEA4BF09-C6D5-459E-B12F-13A7F5309120}" destId="{44C05282-3A79-428A-A07D-66C6FE10A01E}" srcOrd="0" destOrd="0" presId="urn:microsoft.com/office/officeart/2008/layout/VerticalCurvedList"/>
    <dgm:cxn modelId="{B6E54077-D34A-4E09-A96F-619436211896}" type="presParOf" srcId="{44C05282-3A79-428A-A07D-66C6FE10A01E}" destId="{00C5B5AD-BC45-438E-80B5-944C6AF3BD79}" srcOrd="0" destOrd="0" presId="urn:microsoft.com/office/officeart/2008/layout/VerticalCurvedList"/>
    <dgm:cxn modelId="{FFD30B84-296F-418D-9726-3FE60B7BC682}" type="presParOf" srcId="{00C5B5AD-BC45-438E-80B5-944C6AF3BD79}" destId="{8A268346-7095-4CBD-B745-58DA53E29594}" srcOrd="0" destOrd="0" presId="urn:microsoft.com/office/officeart/2008/layout/VerticalCurvedList"/>
    <dgm:cxn modelId="{F301AEA4-82FF-439E-8334-85C8E8DE8638}" type="presParOf" srcId="{00C5B5AD-BC45-438E-80B5-944C6AF3BD79}" destId="{C78E42C5-2903-466E-B65E-4F6720ACF06E}" srcOrd="1" destOrd="0" presId="urn:microsoft.com/office/officeart/2008/layout/VerticalCurvedList"/>
    <dgm:cxn modelId="{5F7292E5-B15C-47C2-AD6E-43199DAD999B}" type="presParOf" srcId="{00C5B5AD-BC45-438E-80B5-944C6AF3BD79}" destId="{55883F31-E78B-4C6C-B05F-FBDCD81FF2C7}" srcOrd="2" destOrd="0" presId="urn:microsoft.com/office/officeart/2008/layout/VerticalCurvedList"/>
    <dgm:cxn modelId="{E141E4C0-6473-4427-A66E-9374B23E5D4A}" type="presParOf" srcId="{00C5B5AD-BC45-438E-80B5-944C6AF3BD79}" destId="{29BD18C7-EF85-428C-9648-897745DA2A9F}" srcOrd="3" destOrd="0" presId="urn:microsoft.com/office/officeart/2008/layout/VerticalCurvedList"/>
    <dgm:cxn modelId="{2ECCDCBD-870D-4F4F-92D5-A13CC069F0DF}" type="presParOf" srcId="{44C05282-3A79-428A-A07D-66C6FE10A01E}" destId="{E9828699-C490-4288-9E7B-CFCAB4AB4D12}" srcOrd="1" destOrd="0" presId="urn:microsoft.com/office/officeart/2008/layout/VerticalCurvedList"/>
    <dgm:cxn modelId="{9FF9D048-77DA-4C3D-8A19-CD9BEE34E3DA}" type="presParOf" srcId="{44C05282-3A79-428A-A07D-66C6FE10A01E}" destId="{BB6875DF-0137-4AA1-990F-0944177A7386}" srcOrd="2" destOrd="0" presId="urn:microsoft.com/office/officeart/2008/layout/VerticalCurvedList"/>
    <dgm:cxn modelId="{9D0C7D77-D505-4D28-A08C-E6D4079CBEF0}" type="presParOf" srcId="{BB6875DF-0137-4AA1-990F-0944177A7386}" destId="{814F3A21-1F81-4EA0-B136-F2A1388D0EA7}" srcOrd="0" destOrd="0" presId="urn:microsoft.com/office/officeart/2008/layout/VerticalCurvedList"/>
    <dgm:cxn modelId="{EABFC815-5DBB-42DB-A5F4-A7A7ED5115E0}" type="presParOf" srcId="{44C05282-3A79-428A-A07D-66C6FE10A01E}" destId="{5DA611B3-AE8E-4861-A62B-DE6AED993C96}" srcOrd="3" destOrd="0" presId="urn:microsoft.com/office/officeart/2008/layout/VerticalCurvedList"/>
    <dgm:cxn modelId="{976C57DC-A42E-4FF8-AFD3-CB67ADF718F9}" type="presParOf" srcId="{44C05282-3A79-428A-A07D-66C6FE10A01E}" destId="{59FAF1C2-FC7D-40CF-9B6D-63648222CA46}" srcOrd="4" destOrd="0" presId="urn:microsoft.com/office/officeart/2008/layout/VerticalCurvedList"/>
    <dgm:cxn modelId="{075A4035-2D68-49FE-B47A-270F46D2593F}" type="presParOf" srcId="{59FAF1C2-FC7D-40CF-9B6D-63648222CA46}" destId="{E9BC30CE-AB70-4FED-AAF7-94A27C06C8DD}" srcOrd="0" destOrd="0" presId="urn:microsoft.com/office/officeart/2008/layout/VerticalCurvedList"/>
    <dgm:cxn modelId="{8389B221-C223-472D-82CE-312FE3AA7567}" type="presParOf" srcId="{44C05282-3A79-428A-A07D-66C6FE10A01E}" destId="{32846CA1-834A-4110-A0E3-C64D21A68C3F}" srcOrd="5" destOrd="0" presId="urn:microsoft.com/office/officeart/2008/layout/VerticalCurvedList"/>
    <dgm:cxn modelId="{A2C8A1A2-E98D-459B-8CB4-ADD640591679}" type="presParOf" srcId="{44C05282-3A79-428A-A07D-66C6FE10A01E}" destId="{2438682F-7013-4389-B5DC-2B52B7FB086D}" srcOrd="6" destOrd="0" presId="urn:microsoft.com/office/officeart/2008/layout/VerticalCurvedList"/>
    <dgm:cxn modelId="{FCD08DC7-66C8-4A9C-9191-0BD51319FF2A}" type="presParOf" srcId="{2438682F-7013-4389-B5DC-2B52B7FB086D}" destId="{38EB1E9B-74F2-46C9-9A56-023CA8D4AFD8}" srcOrd="0" destOrd="0" presId="urn:microsoft.com/office/officeart/2008/layout/VerticalCurvedList"/>
    <dgm:cxn modelId="{185711B0-2425-4489-B185-51CFC13E5952}" type="presParOf" srcId="{44C05282-3A79-428A-A07D-66C6FE10A01E}" destId="{D7C8CD7D-EC6E-4A9F-8C2E-BD424AF54A98}" srcOrd="7" destOrd="0" presId="urn:microsoft.com/office/officeart/2008/layout/VerticalCurvedList"/>
    <dgm:cxn modelId="{45E3529E-7CDD-4F3A-8AC3-83130AA68D4A}" type="presParOf" srcId="{44C05282-3A79-428A-A07D-66C6FE10A01E}" destId="{44E1D371-ED09-49AE-8026-E6E14E3DDDE4}" srcOrd="8" destOrd="0" presId="urn:microsoft.com/office/officeart/2008/layout/VerticalCurvedList"/>
    <dgm:cxn modelId="{8EBC3767-C6C2-416E-956E-1D051CE58375}" type="presParOf" srcId="{44E1D371-ED09-49AE-8026-E6E14E3DDDE4}" destId="{FC1447BF-942A-408A-A2F9-12AC5C555AFC}" srcOrd="0" destOrd="0" presId="urn:microsoft.com/office/officeart/2008/layout/VerticalCurvedList"/>
    <dgm:cxn modelId="{52BCB17F-EE72-41BD-9327-569661ECB0B6}" type="presParOf" srcId="{44C05282-3A79-428A-A07D-66C6FE10A01E}" destId="{BAEADAEC-048D-401E-B4E1-1F1F0BE4D925}" srcOrd="9" destOrd="0" presId="urn:microsoft.com/office/officeart/2008/layout/VerticalCurvedList"/>
    <dgm:cxn modelId="{0AA71E69-C529-4F04-8CE2-9DB10F60E09D}" type="presParOf" srcId="{44C05282-3A79-428A-A07D-66C6FE10A01E}" destId="{EBC0D013-CDE1-4FDC-9FBE-BE52BC55FE62}" srcOrd="10" destOrd="0" presId="urn:microsoft.com/office/officeart/2008/layout/VerticalCurvedList"/>
    <dgm:cxn modelId="{7BAA85CE-0778-4B24-8CA4-3C8AA88899D8}" type="presParOf" srcId="{EBC0D013-CDE1-4FDC-9FBE-BE52BC55FE62}" destId="{BD70E20A-A0ED-45D9-876D-0F908C96853E}" srcOrd="0" destOrd="0" presId="urn:microsoft.com/office/officeart/2008/layout/VerticalCurvedList"/>
    <dgm:cxn modelId="{1D4335F2-ABE9-4265-AA36-0BC19DF24DA7}" type="presParOf" srcId="{44C05282-3A79-428A-A07D-66C6FE10A01E}" destId="{73A76EA7-EA9B-4256-8845-1564AECD7B2D}" srcOrd="11" destOrd="0" presId="urn:microsoft.com/office/officeart/2008/layout/VerticalCurvedList"/>
    <dgm:cxn modelId="{B4A01BE5-DF78-4374-BCB3-69796FA0B27B}" type="presParOf" srcId="{44C05282-3A79-428A-A07D-66C6FE10A01E}" destId="{12CF02DB-B60D-4624-A61A-B80BEAC5BD64}" srcOrd="12" destOrd="0" presId="urn:microsoft.com/office/officeart/2008/layout/VerticalCurvedList"/>
    <dgm:cxn modelId="{CCEB4E47-337F-4572-8FAF-4435EAE7F7AB}" type="presParOf" srcId="{12CF02DB-B60D-4624-A61A-B80BEAC5BD64}" destId="{18DE93CA-B4B3-42CE-948F-5270FA15AD65}" srcOrd="0" destOrd="0" presId="urn:microsoft.com/office/officeart/2008/layout/VerticalCurvedList"/>
    <dgm:cxn modelId="{52EF26B8-298C-40B4-B71C-FDB2804FA879}" type="presParOf" srcId="{44C05282-3A79-428A-A07D-66C6FE10A01E}" destId="{00967837-EC4C-4BF3-AEC5-3F314A38DC26}" srcOrd="13" destOrd="0" presId="urn:microsoft.com/office/officeart/2008/layout/VerticalCurvedList"/>
    <dgm:cxn modelId="{8E54985D-8A90-4A14-9919-D5C67A70AB9A}" type="presParOf" srcId="{44C05282-3A79-428A-A07D-66C6FE10A01E}" destId="{FBF55855-C9DA-40D3-9807-50F95A1CABDF}" srcOrd="14" destOrd="0" presId="urn:microsoft.com/office/officeart/2008/layout/VerticalCurvedList"/>
    <dgm:cxn modelId="{B0A7582F-B57B-4A3C-9684-E78DA955CBFE}" type="presParOf" srcId="{FBF55855-C9DA-40D3-9807-50F95A1CABDF}" destId="{90B57D0D-C1CB-4A7F-ADFC-96A8936EB2E8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107824EE-2FAF-4D91-B0C0-AAFC2C533D78}" type="doc">
      <dgm:prSet loTypeId="urn:microsoft.com/office/officeart/2005/8/layout/hProcess4" loCatId="process" qsTypeId="urn:microsoft.com/office/officeart/2005/8/quickstyle/simple1" qsCatId="simple" csTypeId="urn:microsoft.com/office/officeart/2005/8/colors/accent5_2" csCatId="accent5" phldr="1"/>
      <dgm:spPr/>
      <dgm:t>
        <a:bodyPr/>
        <a:lstStyle/>
        <a:p>
          <a:endParaRPr lang="en-US"/>
        </a:p>
      </dgm:t>
    </dgm:pt>
    <dgm:pt modelId="{8A615C08-5ADB-4457-BCB9-472D2FF090E4}">
      <dgm:prSet phldrT="[Text]"/>
      <dgm:spPr/>
      <dgm:t>
        <a:bodyPr/>
        <a:lstStyle/>
        <a:p>
          <a:pPr>
            <a:buNone/>
          </a:pPr>
          <a:r>
            <a:rPr lang="en-US" b="1" dirty="0"/>
            <a:t>Basic feature engineering</a:t>
          </a:r>
          <a:endParaRPr lang="en-US" dirty="0"/>
        </a:p>
      </dgm:t>
    </dgm:pt>
    <dgm:pt modelId="{C1C7140C-C3B9-4F4A-80F5-09165941CA09}" type="parTrans" cxnId="{7053B1B3-EF5F-454E-A52B-25333EAF4848}">
      <dgm:prSet/>
      <dgm:spPr/>
      <dgm:t>
        <a:bodyPr/>
        <a:lstStyle/>
        <a:p>
          <a:endParaRPr lang="en-US"/>
        </a:p>
      </dgm:t>
    </dgm:pt>
    <dgm:pt modelId="{44270771-536A-44F2-B91B-B94138EF4057}" type="sibTrans" cxnId="{7053B1B3-EF5F-454E-A52B-25333EAF4848}">
      <dgm:prSet/>
      <dgm:spPr/>
      <dgm:t>
        <a:bodyPr/>
        <a:lstStyle/>
        <a:p>
          <a:endParaRPr lang="en-US"/>
        </a:p>
      </dgm:t>
    </dgm:pt>
    <dgm:pt modelId="{959B378D-61B9-4C3D-9FDC-B596437BA675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700" dirty="0">
              <a:solidFill>
                <a:schemeClr val="bg2">
                  <a:lumMod val="50000"/>
                </a:schemeClr>
              </a:solidFill>
            </a:rPr>
            <a:t>Origin different from precedent country</a:t>
          </a:r>
        </a:p>
      </dgm:t>
    </dgm:pt>
    <dgm:pt modelId="{2693A408-F1EF-434B-B78E-191313D37B67}" type="parTrans" cxnId="{68B805BB-F4B2-4413-8537-63A839B04AAF}">
      <dgm:prSet/>
      <dgm:spPr/>
      <dgm:t>
        <a:bodyPr/>
        <a:lstStyle/>
        <a:p>
          <a:endParaRPr lang="en-US"/>
        </a:p>
      </dgm:t>
    </dgm:pt>
    <dgm:pt modelId="{5EA7AEDF-D2D5-4D8B-B561-1C5177AA583A}" type="sibTrans" cxnId="{68B805BB-F4B2-4413-8537-63A839B04AAF}">
      <dgm:prSet/>
      <dgm:spPr/>
      <dgm:t>
        <a:bodyPr/>
        <a:lstStyle/>
        <a:p>
          <a:endParaRPr lang="en-US"/>
        </a:p>
      </dgm:t>
    </dgm:pt>
    <dgm:pt modelId="{4C47F22D-0C58-448C-9C7C-FD73CEFF5D0B}">
      <dgm:prSet phldrT="[Text]"/>
      <dgm:spPr/>
      <dgm:t>
        <a:bodyPr/>
        <a:lstStyle/>
        <a:p>
          <a:pPr>
            <a:buNone/>
          </a:pPr>
          <a:r>
            <a:rPr lang="en-US" b="1" dirty="0"/>
            <a:t>Activity level from codes</a:t>
          </a:r>
          <a:endParaRPr lang="en-US" dirty="0"/>
        </a:p>
      </dgm:t>
    </dgm:pt>
    <dgm:pt modelId="{3198854C-B806-410E-860A-BA25F9BFF9FC}" type="parTrans" cxnId="{08796378-F5C5-408B-9EE5-E14D2DEA2685}">
      <dgm:prSet/>
      <dgm:spPr/>
      <dgm:t>
        <a:bodyPr/>
        <a:lstStyle/>
        <a:p>
          <a:endParaRPr lang="en-US"/>
        </a:p>
      </dgm:t>
    </dgm:pt>
    <dgm:pt modelId="{2C341847-7EE1-439B-9B0E-B75D3B8898B0}" type="sibTrans" cxnId="{08796378-F5C5-408B-9EE5-E14D2DEA2685}">
      <dgm:prSet/>
      <dgm:spPr/>
      <dgm:t>
        <a:bodyPr/>
        <a:lstStyle/>
        <a:p>
          <a:endParaRPr lang="en-US"/>
        </a:p>
      </dgm:t>
    </dgm:pt>
    <dgm:pt modelId="{832F0C97-5E4C-4A06-8D7A-C3224591A622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700" dirty="0">
              <a:solidFill>
                <a:schemeClr val="bg2">
                  <a:lumMod val="50000"/>
                </a:schemeClr>
              </a:solidFill>
            </a:rPr>
            <a:t>OFFICE '</a:t>
          </a:r>
          <a:r>
            <a:rPr lang="en-US" sz="700" dirty="0" err="1">
              <a:solidFill>
                <a:schemeClr val="bg2">
                  <a:lumMod val="50000"/>
                </a:schemeClr>
              </a:solidFill>
            </a:rPr>
            <a:t>Codigo</a:t>
          </a:r>
          <a:r>
            <a:rPr lang="en-US" sz="700" dirty="0">
              <a:solidFill>
                <a:schemeClr val="bg2">
                  <a:lumMod val="50000"/>
                </a:schemeClr>
              </a:solidFill>
            </a:rPr>
            <a:t> Aduana de registro - DDT'</a:t>
          </a:r>
        </a:p>
      </dgm:t>
    </dgm:pt>
    <dgm:pt modelId="{973A8628-8000-4ED6-AFF4-E646B0623A71}" type="parTrans" cxnId="{71310F0C-18A1-4F32-BC5D-779167C1E0F5}">
      <dgm:prSet/>
      <dgm:spPr/>
      <dgm:t>
        <a:bodyPr/>
        <a:lstStyle/>
        <a:p>
          <a:endParaRPr lang="en-US"/>
        </a:p>
      </dgm:t>
    </dgm:pt>
    <dgm:pt modelId="{71C75E81-B35D-4B1E-9942-5B79819AADF6}" type="sibTrans" cxnId="{71310F0C-18A1-4F32-BC5D-779167C1E0F5}">
      <dgm:prSet/>
      <dgm:spPr/>
      <dgm:t>
        <a:bodyPr/>
        <a:lstStyle/>
        <a:p>
          <a:endParaRPr lang="en-US"/>
        </a:p>
      </dgm:t>
    </dgm:pt>
    <dgm:pt modelId="{9A664F33-F727-4EE8-BAC4-007992CC3F71}">
      <dgm:prSet phldrT="[Text]"/>
      <dgm:spPr/>
      <dgm:t>
        <a:bodyPr/>
        <a:lstStyle/>
        <a:p>
          <a:pPr>
            <a:buNone/>
          </a:pPr>
          <a:r>
            <a:rPr lang="en-US" b="1" dirty="0"/>
            <a:t>Period of activity</a:t>
          </a:r>
          <a:endParaRPr lang="en-US" dirty="0"/>
        </a:p>
      </dgm:t>
    </dgm:pt>
    <dgm:pt modelId="{5F6E6590-07F4-404D-A150-96E26A575DFE}" type="parTrans" cxnId="{46A10601-1CEB-492C-9211-5609E27DC8F5}">
      <dgm:prSet/>
      <dgm:spPr/>
      <dgm:t>
        <a:bodyPr/>
        <a:lstStyle/>
        <a:p>
          <a:endParaRPr lang="en-US"/>
        </a:p>
      </dgm:t>
    </dgm:pt>
    <dgm:pt modelId="{0D93F879-BF6B-49A7-9726-C54486AC19C9}" type="sibTrans" cxnId="{46A10601-1CEB-492C-9211-5609E27DC8F5}">
      <dgm:prSet/>
      <dgm:spPr/>
      <dgm:t>
        <a:bodyPr/>
        <a:lstStyle/>
        <a:p>
          <a:endParaRPr lang="en-US"/>
        </a:p>
      </dgm:t>
    </dgm:pt>
    <dgm:pt modelId="{9324B972-C334-4B6B-A2A2-E01D0681C81D}">
      <dgm:prSet phldrT="[Text]" custT="1"/>
      <dgm:spPr/>
      <dgm:t>
        <a:bodyPr/>
        <a:lstStyle/>
        <a:p>
          <a:r>
            <a:rPr lang="en-US" sz="700" dirty="0">
              <a:solidFill>
                <a:schemeClr val="bg2">
                  <a:lumMod val="50000"/>
                </a:schemeClr>
              </a:solidFill>
            </a:rPr>
            <a:t>Months of activity of brokers and importers</a:t>
          </a:r>
        </a:p>
      </dgm:t>
    </dgm:pt>
    <dgm:pt modelId="{EE3BC851-C6BE-45B0-9080-5D143F8289E9}" type="parTrans" cxnId="{500F982F-C2BD-4340-B3C8-44525EE7936C}">
      <dgm:prSet/>
      <dgm:spPr/>
      <dgm:t>
        <a:bodyPr/>
        <a:lstStyle/>
        <a:p>
          <a:endParaRPr lang="en-US"/>
        </a:p>
      </dgm:t>
    </dgm:pt>
    <dgm:pt modelId="{4D86D6B0-542E-4229-8560-D6203DE2F70D}" type="sibTrans" cxnId="{500F982F-C2BD-4340-B3C8-44525EE7936C}">
      <dgm:prSet/>
      <dgm:spPr/>
      <dgm:t>
        <a:bodyPr/>
        <a:lstStyle/>
        <a:p>
          <a:endParaRPr lang="en-US"/>
        </a:p>
      </dgm:t>
    </dgm:pt>
    <dgm:pt modelId="{69623273-9079-4D8C-9E75-98F0FCD37FEF}">
      <dgm:prSet/>
      <dgm:spPr/>
      <dgm:t>
        <a:bodyPr/>
        <a:lstStyle/>
        <a:p>
          <a:r>
            <a:rPr lang="en-US" b="1"/>
            <a:t>Stats information and clusters from HS06 codes</a:t>
          </a:r>
          <a:endParaRPr lang="en-US" b="1" dirty="0"/>
        </a:p>
      </dgm:t>
    </dgm:pt>
    <dgm:pt modelId="{2FBADD7D-0ACA-454A-A5B5-4451EC1005F8}" type="parTrans" cxnId="{FF2723B3-421F-40B8-983B-A8706C9866AF}">
      <dgm:prSet/>
      <dgm:spPr/>
      <dgm:t>
        <a:bodyPr/>
        <a:lstStyle/>
        <a:p>
          <a:endParaRPr lang="en-US"/>
        </a:p>
      </dgm:t>
    </dgm:pt>
    <dgm:pt modelId="{52F909D9-916F-4C9C-9B64-9CA498A9DF24}" type="sibTrans" cxnId="{FF2723B3-421F-40B8-983B-A8706C9866AF}">
      <dgm:prSet/>
      <dgm:spPr/>
      <dgm:t>
        <a:bodyPr/>
        <a:lstStyle/>
        <a:p>
          <a:endParaRPr lang="en-US"/>
        </a:p>
      </dgm:t>
    </dgm:pt>
    <dgm:pt modelId="{1F043A75-77BA-4AF0-AB2E-69524AD9AF1D}">
      <dgm:prSet/>
      <dgm:spPr/>
      <dgm:t>
        <a:bodyPr/>
        <a:lstStyle/>
        <a:p>
          <a:r>
            <a:rPr lang="en-US" b="1"/>
            <a:t>One-hot-encoding </a:t>
          </a:r>
          <a:endParaRPr lang="en-US" b="1" dirty="0"/>
        </a:p>
      </dgm:t>
    </dgm:pt>
    <dgm:pt modelId="{F8B406E6-58BB-4587-95D7-0D73C1A58A08}" type="parTrans" cxnId="{754C0220-7D72-4BDD-BE26-6E927A00FBCA}">
      <dgm:prSet/>
      <dgm:spPr/>
      <dgm:t>
        <a:bodyPr/>
        <a:lstStyle/>
        <a:p>
          <a:endParaRPr lang="en-US"/>
        </a:p>
      </dgm:t>
    </dgm:pt>
    <dgm:pt modelId="{167539AF-F663-42A2-9C05-CAEC056BBF1B}" type="sibTrans" cxnId="{754C0220-7D72-4BDD-BE26-6E927A00FBCA}">
      <dgm:prSet/>
      <dgm:spPr/>
      <dgm:t>
        <a:bodyPr/>
        <a:lstStyle/>
        <a:p>
          <a:endParaRPr lang="en-US"/>
        </a:p>
      </dgm:t>
    </dgm:pt>
    <dgm:pt modelId="{391C7CB9-134D-48EE-B192-3AB90D9CA8DF}">
      <dgm:prSet custT="1"/>
      <dgm:spPr/>
      <dgm:t>
        <a:bodyPr/>
        <a:lstStyle/>
        <a:p>
          <a:r>
            <a:rPr lang="en-US" sz="700" dirty="0">
              <a:solidFill>
                <a:schemeClr val="bg2">
                  <a:lumMod val="50000"/>
                </a:schemeClr>
              </a:solidFill>
            </a:rPr>
            <a:t>Unit price, kg per unit</a:t>
          </a:r>
        </a:p>
      </dgm:t>
    </dgm:pt>
    <dgm:pt modelId="{D33546AF-5C24-4AF8-B92A-1F5BE51C6C31}" type="parTrans" cxnId="{F1710D2E-E2C9-4B48-8BD2-15B0672BA391}">
      <dgm:prSet/>
      <dgm:spPr/>
      <dgm:t>
        <a:bodyPr/>
        <a:lstStyle/>
        <a:p>
          <a:endParaRPr lang="en-US"/>
        </a:p>
      </dgm:t>
    </dgm:pt>
    <dgm:pt modelId="{ED9F892B-9C2A-4F4B-9651-01DBE484C304}" type="sibTrans" cxnId="{F1710D2E-E2C9-4B48-8BD2-15B0672BA391}">
      <dgm:prSet/>
      <dgm:spPr/>
      <dgm:t>
        <a:bodyPr/>
        <a:lstStyle/>
        <a:p>
          <a:endParaRPr lang="en-US"/>
        </a:p>
      </dgm:t>
    </dgm:pt>
    <dgm:pt modelId="{C5DFD859-93C1-4031-9C2D-8AA0B08EE770}">
      <dgm:prSet custT="1"/>
      <dgm:spPr/>
      <dgm:t>
        <a:bodyPr/>
        <a:lstStyle/>
        <a:p>
          <a:r>
            <a:rPr lang="en-US" sz="700" dirty="0">
              <a:solidFill>
                <a:schemeClr val="bg2">
                  <a:lumMod val="50000"/>
                </a:schemeClr>
              </a:solidFill>
            </a:rPr>
            <a:t>ORIGIN COUNTRY '</a:t>
          </a:r>
          <a:r>
            <a:rPr lang="en-US" sz="700" dirty="0" err="1">
              <a:solidFill>
                <a:schemeClr val="bg2">
                  <a:lumMod val="50000"/>
                </a:schemeClr>
              </a:solidFill>
            </a:rPr>
            <a:t>Pais</a:t>
          </a:r>
          <a:r>
            <a:rPr lang="en-US" sz="700" dirty="0">
              <a:solidFill>
                <a:schemeClr val="bg2">
                  <a:lumMod val="50000"/>
                </a:schemeClr>
              </a:solidFill>
            </a:rPr>
            <a:t> de </a:t>
          </a:r>
          <a:r>
            <a:rPr lang="en-US" sz="700" dirty="0" err="1">
              <a:solidFill>
                <a:schemeClr val="bg2">
                  <a:lumMod val="50000"/>
                </a:schemeClr>
              </a:solidFill>
            </a:rPr>
            <a:t>origen</a:t>
          </a:r>
          <a:r>
            <a:rPr lang="en-US" sz="700" dirty="0">
              <a:solidFill>
                <a:schemeClr val="bg2">
                  <a:lumMod val="50000"/>
                </a:schemeClr>
              </a:solidFill>
            </a:rPr>
            <a:t> - ART'</a:t>
          </a:r>
        </a:p>
      </dgm:t>
    </dgm:pt>
    <dgm:pt modelId="{0E749B06-A3D4-4F9D-AA06-89E62421B762}" type="parTrans" cxnId="{CED07F96-FF04-4881-998A-B46762F2F9C0}">
      <dgm:prSet/>
      <dgm:spPr/>
      <dgm:t>
        <a:bodyPr/>
        <a:lstStyle/>
        <a:p>
          <a:endParaRPr lang="en-US"/>
        </a:p>
      </dgm:t>
    </dgm:pt>
    <dgm:pt modelId="{07EEFD86-73FA-4350-BB57-A590FD076A84}" type="sibTrans" cxnId="{CED07F96-FF04-4881-998A-B46762F2F9C0}">
      <dgm:prSet/>
      <dgm:spPr/>
      <dgm:t>
        <a:bodyPr/>
        <a:lstStyle/>
        <a:p>
          <a:endParaRPr lang="en-US"/>
        </a:p>
      </dgm:t>
    </dgm:pt>
    <dgm:pt modelId="{056AAC1A-8809-4B0B-91E2-E08445D3F659}">
      <dgm:prSet custT="1"/>
      <dgm:spPr/>
      <dgm:t>
        <a:bodyPr/>
        <a:lstStyle/>
        <a:p>
          <a:r>
            <a:rPr lang="en-US" sz="700" dirty="0">
              <a:solidFill>
                <a:schemeClr val="bg2">
                  <a:lumMod val="50000"/>
                </a:schemeClr>
              </a:solidFill>
            </a:rPr>
            <a:t>DEPARTURE COUNTRY '</a:t>
          </a:r>
          <a:r>
            <a:rPr lang="en-US" sz="700" dirty="0" err="1">
              <a:solidFill>
                <a:schemeClr val="bg2">
                  <a:lumMod val="50000"/>
                </a:schemeClr>
              </a:solidFill>
            </a:rPr>
            <a:t>Pais</a:t>
          </a:r>
          <a:r>
            <a:rPr lang="en-US" sz="700" dirty="0">
              <a:solidFill>
                <a:schemeClr val="bg2">
                  <a:lumMod val="50000"/>
                </a:schemeClr>
              </a:solidFill>
            </a:rPr>
            <a:t> de </a:t>
          </a:r>
          <a:r>
            <a:rPr lang="en-US" sz="700" dirty="0" err="1">
              <a:solidFill>
                <a:schemeClr val="bg2">
                  <a:lumMod val="50000"/>
                </a:schemeClr>
              </a:solidFill>
            </a:rPr>
            <a:t>Procedencia</a:t>
          </a:r>
          <a:r>
            <a:rPr lang="en-US" sz="700" dirty="0">
              <a:solidFill>
                <a:schemeClr val="bg2">
                  <a:lumMod val="50000"/>
                </a:schemeClr>
              </a:solidFill>
            </a:rPr>
            <a:t> - ART</a:t>
          </a:r>
        </a:p>
      </dgm:t>
    </dgm:pt>
    <dgm:pt modelId="{D09DA879-C461-48F7-BADB-D54073E47F62}" type="parTrans" cxnId="{C1E061FE-3A33-4FA3-9127-9A6021448CD8}">
      <dgm:prSet/>
      <dgm:spPr/>
      <dgm:t>
        <a:bodyPr/>
        <a:lstStyle/>
        <a:p>
          <a:endParaRPr lang="en-US"/>
        </a:p>
      </dgm:t>
    </dgm:pt>
    <dgm:pt modelId="{ADDE9533-45C6-410D-BA2F-A64D2F9583D9}" type="sibTrans" cxnId="{C1E061FE-3A33-4FA3-9127-9A6021448CD8}">
      <dgm:prSet/>
      <dgm:spPr/>
      <dgm:t>
        <a:bodyPr/>
        <a:lstStyle/>
        <a:p>
          <a:endParaRPr lang="en-US"/>
        </a:p>
      </dgm:t>
    </dgm:pt>
    <dgm:pt modelId="{8B41F472-0AD3-4904-B51D-06771331AF81}">
      <dgm:prSet custT="1"/>
      <dgm:spPr/>
      <dgm:t>
        <a:bodyPr/>
        <a:lstStyle/>
        <a:p>
          <a:pPr>
            <a:spcAft>
              <a:spcPts val="0"/>
            </a:spcAft>
            <a:buFont typeface="Arial" panose="020B0604020202020204" pitchFamily="34" charset="0"/>
            <a:buChar char="•"/>
          </a:pPr>
          <a:endParaRPr lang="en-US" sz="700" dirty="0">
            <a:solidFill>
              <a:schemeClr val="bg2">
                <a:lumMod val="50000"/>
              </a:schemeClr>
            </a:solidFill>
          </a:endParaRPr>
        </a:p>
      </dgm:t>
    </dgm:pt>
    <dgm:pt modelId="{0C43C287-3656-4EBC-9348-2C08EC58CD45}" type="parTrans" cxnId="{87B4A4CF-1CFD-4605-98E0-ECCCF09C832F}">
      <dgm:prSet/>
      <dgm:spPr/>
      <dgm:t>
        <a:bodyPr/>
        <a:lstStyle/>
        <a:p>
          <a:endParaRPr lang="en-US"/>
        </a:p>
      </dgm:t>
    </dgm:pt>
    <dgm:pt modelId="{D6B78C41-F3BA-4DD1-B5DF-57EEC48B1B01}" type="sibTrans" cxnId="{87B4A4CF-1CFD-4605-98E0-ECCCF09C832F}">
      <dgm:prSet/>
      <dgm:spPr/>
      <dgm:t>
        <a:bodyPr/>
        <a:lstStyle/>
        <a:p>
          <a:endParaRPr lang="en-US"/>
        </a:p>
      </dgm:t>
    </dgm:pt>
    <dgm:pt modelId="{B1973AFE-9919-4F62-B21D-E4C1F54F0CC6}">
      <dgm:prSet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700" dirty="0">
              <a:solidFill>
                <a:schemeClr val="bg2">
                  <a:lumMod val="50000"/>
                </a:schemeClr>
              </a:solidFill>
            </a:rPr>
            <a:t>For categories with less than 15 unique values</a:t>
          </a:r>
        </a:p>
      </dgm:t>
    </dgm:pt>
    <dgm:pt modelId="{ED80E37C-8F46-4566-9D81-C7C0BEBCB0DD}" type="parTrans" cxnId="{89024FFD-072F-4D65-B08F-1337DF91E54B}">
      <dgm:prSet/>
      <dgm:spPr/>
      <dgm:t>
        <a:bodyPr/>
        <a:lstStyle/>
        <a:p>
          <a:endParaRPr lang="en-US"/>
        </a:p>
      </dgm:t>
    </dgm:pt>
    <dgm:pt modelId="{C824E195-AE08-4E86-9EB3-B57657286056}" type="sibTrans" cxnId="{89024FFD-072F-4D65-B08F-1337DF91E54B}">
      <dgm:prSet/>
      <dgm:spPr/>
      <dgm:t>
        <a:bodyPr/>
        <a:lstStyle/>
        <a:p>
          <a:endParaRPr lang="en-US"/>
        </a:p>
      </dgm:t>
    </dgm:pt>
    <dgm:pt modelId="{DC381D92-7582-436B-AAE1-E8719CC21ACD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endParaRPr lang="en-US" sz="700" dirty="0">
            <a:solidFill>
              <a:schemeClr val="bg2">
                <a:lumMod val="50000"/>
              </a:schemeClr>
            </a:solidFill>
          </a:endParaRPr>
        </a:p>
      </dgm:t>
    </dgm:pt>
    <dgm:pt modelId="{D3899738-FAED-4504-9425-6DCA9EBA4FAA}" type="parTrans" cxnId="{3FD9961E-43CF-46AA-9F30-C3AD276091A2}">
      <dgm:prSet/>
      <dgm:spPr/>
      <dgm:t>
        <a:bodyPr/>
        <a:lstStyle/>
        <a:p>
          <a:endParaRPr lang="en-US"/>
        </a:p>
      </dgm:t>
    </dgm:pt>
    <dgm:pt modelId="{A4F13842-D3E7-4772-B2CD-B840C77B7BE0}" type="sibTrans" cxnId="{3FD9961E-43CF-46AA-9F30-C3AD276091A2}">
      <dgm:prSet/>
      <dgm:spPr/>
      <dgm:t>
        <a:bodyPr/>
        <a:lstStyle/>
        <a:p>
          <a:endParaRPr lang="en-US"/>
        </a:p>
      </dgm:t>
    </dgm:pt>
    <dgm:pt modelId="{64B84418-247C-490C-BE57-77CE052D7137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endParaRPr lang="en-US" sz="700" dirty="0">
            <a:solidFill>
              <a:schemeClr val="bg2">
                <a:lumMod val="50000"/>
              </a:schemeClr>
            </a:solidFill>
          </a:endParaRPr>
        </a:p>
      </dgm:t>
    </dgm:pt>
    <dgm:pt modelId="{C7A32ED7-0113-4237-B683-C68B4EEC2469}" type="parTrans" cxnId="{B6407687-BF76-4F66-B937-7830125B386F}">
      <dgm:prSet/>
      <dgm:spPr/>
      <dgm:t>
        <a:bodyPr/>
        <a:lstStyle/>
        <a:p>
          <a:endParaRPr lang="en-US"/>
        </a:p>
      </dgm:t>
    </dgm:pt>
    <dgm:pt modelId="{E01E1CA4-BBFF-4DD8-9DEF-3155CD824AF8}" type="sibTrans" cxnId="{B6407687-BF76-4F66-B937-7830125B386F}">
      <dgm:prSet/>
      <dgm:spPr/>
      <dgm:t>
        <a:bodyPr/>
        <a:lstStyle/>
        <a:p>
          <a:endParaRPr lang="en-US"/>
        </a:p>
      </dgm:t>
    </dgm:pt>
    <dgm:pt modelId="{C4A9C40E-A37F-4A86-801C-A49A3E3EACA6}">
      <dgm:prSet custT="1"/>
      <dgm:spPr/>
      <dgm:t>
        <a:bodyPr/>
        <a:lstStyle/>
        <a:p>
          <a:endParaRPr lang="en-US" sz="700" dirty="0">
            <a:solidFill>
              <a:schemeClr val="bg2">
                <a:lumMod val="50000"/>
              </a:schemeClr>
            </a:solidFill>
          </a:endParaRPr>
        </a:p>
      </dgm:t>
    </dgm:pt>
    <dgm:pt modelId="{88F54FD1-D967-41B0-A68B-1D4432090546}" type="parTrans" cxnId="{34C50F87-3DF6-41A1-8C01-D4116146CC32}">
      <dgm:prSet/>
      <dgm:spPr/>
      <dgm:t>
        <a:bodyPr/>
        <a:lstStyle/>
        <a:p>
          <a:endParaRPr lang="en-US"/>
        </a:p>
      </dgm:t>
    </dgm:pt>
    <dgm:pt modelId="{3F8CF000-3248-4C41-8C16-FDF073731164}" type="sibTrans" cxnId="{34C50F87-3DF6-41A1-8C01-D4116146CC32}">
      <dgm:prSet/>
      <dgm:spPr/>
      <dgm:t>
        <a:bodyPr/>
        <a:lstStyle/>
        <a:p>
          <a:endParaRPr lang="en-US"/>
        </a:p>
      </dgm:t>
    </dgm:pt>
    <dgm:pt modelId="{25668BC8-5584-4754-8C95-917AD5CA9559}" type="pres">
      <dgm:prSet presAssocID="{107824EE-2FAF-4D91-B0C0-AAFC2C533D78}" presName="Name0" presStyleCnt="0">
        <dgm:presLayoutVars>
          <dgm:dir/>
          <dgm:animLvl val="lvl"/>
          <dgm:resizeHandles val="exact"/>
        </dgm:presLayoutVars>
      </dgm:prSet>
      <dgm:spPr/>
    </dgm:pt>
    <dgm:pt modelId="{D871F7C9-035C-405A-9E5D-06EEB61F8DBB}" type="pres">
      <dgm:prSet presAssocID="{107824EE-2FAF-4D91-B0C0-AAFC2C533D78}" presName="tSp" presStyleCnt="0"/>
      <dgm:spPr/>
    </dgm:pt>
    <dgm:pt modelId="{C55C4B49-08ED-4068-A7CF-CE90CACFA02E}" type="pres">
      <dgm:prSet presAssocID="{107824EE-2FAF-4D91-B0C0-AAFC2C533D78}" presName="bSp" presStyleCnt="0"/>
      <dgm:spPr/>
    </dgm:pt>
    <dgm:pt modelId="{F9CF7338-19E5-420E-899B-54CFE21FFE8F}" type="pres">
      <dgm:prSet presAssocID="{107824EE-2FAF-4D91-B0C0-AAFC2C533D78}" presName="process" presStyleCnt="0"/>
      <dgm:spPr/>
    </dgm:pt>
    <dgm:pt modelId="{1EF19262-0D8A-4CE5-BCE8-6821A962ADC8}" type="pres">
      <dgm:prSet presAssocID="{8A615C08-5ADB-4457-BCB9-472D2FF090E4}" presName="composite1" presStyleCnt="0"/>
      <dgm:spPr/>
    </dgm:pt>
    <dgm:pt modelId="{B23ACEF2-DEEA-4552-B246-DFAD1481AB0C}" type="pres">
      <dgm:prSet presAssocID="{8A615C08-5ADB-4457-BCB9-472D2FF090E4}" presName="dummyNode1" presStyleLbl="node1" presStyleIdx="0" presStyleCnt="5"/>
      <dgm:spPr/>
    </dgm:pt>
    <dgm:pt modelId="{869AEA16-84A9-4729-8FDB-EDC6DE8BB55A}" type="pres">
      <dgm:prSet presAssocID="{8A615C08-5ADB-4457-BCB9-472D2FF090E4}" presName="childNode1" presStyleLbl="bgAcc1" presStyleIdx="0" presStyleCnt="5" custScaleX="110000" custScaleY="171607">
        <dgm:presLayoutVars>
          <dgm:bulletEnabled val="1"/>
        </dgm:presLayoutVars>
      </dgm:prSet>
      <dgm:spPr/>
    </dgm:pt>
    <dgm:pt modelId="{A0E6CD4D-05A2-4295-8DC1-00B43BF583F8}" type="pres">
      <dgm:prSet presAssocID="{8A615C08-5ADB-4457-BCB9-472D2FF090E4}" presName="childNode1tx" presStyleLbl="bgAcc1" presStyleIdx="0" presStyleCnt="5">
        <dgm:presLayoutVars>
          <dgm:bulletEnabled val="1"/>
        </dgm:presLayoutVars>
      </dgm:prSet>
      <dgm:spPr/>
    </dgm:pt>
    <dgm:pt modelId="{66EAD8C4-C4DF-4A1B-961F-CC154FBF42C7}" type="pres">
      <dgm:prSet presAssocID="{8A615C08-5ADB-4457-BCB9-472D2FF090E4}" presName="parentNode1" presStyleLbl="node1" presStyleIdx="0" presStyleCnt="5" custLinFactNeighborY="47412">
        <dgm:presLayoutVars>
          <dgm:chMax val="1"/>
          <dgm:bulletEnabled val="1"/>
        </dgm:presLayoutVars>
      </dgm:prSet>
      <dgm:spPr/>
    </dgm:pt>
    <dgm:pt modelId="{9101A05F-59DD-4DE6-9BF5-D45704E128DC}" type="pres">
      <dgm:prSet presAssocID="{8A615C08-5ADB-4457-BCB9-472D2FF090E4}" presName="connSite1" presStyleCnt="0"/>
      <dgm:spPr/>
    </dgm:pt>
    <dgm:pt modelId="{89DD89C4-3D81-418C-8DED-8F1F06A5BFEC}" type="pres">
      <dgm:prSet presAssocID="{44270771-536A-44F2-B91B-B94138EF4057}" presName="Name9" presStyleLbl="sibTrans2D1" presStyleIdx="0" presStyleCnt="4" custAng="621344" custLinFactNeighborX="-4174" custLinFactNeighborY="2087"/>
      <dgm:spPr/>
    </dgm:pt>
    <dgm:pt modelId="{681C4504-207E-4681-8826-FD3CD3F00FAA}" type="pres">
      <dgm:prSet presAssocID="{4C47F22D-0C58-448C-9C7C-FD73CEFF5D0B}" presName="composite2" presStyleCnt="0"/>
      <dgm:spPr/>
    </dgm:pt>
    <dgm:pt modelId="{6A2BCF84-82D8-4636-BECF-D550A421AD1A}" type="pres">
      <dgm:prSet presAssocID="{4C47F22D-0C58-448C-9C7C-FD73CEFF5D0B}" presName="dummyNode2" presStyleLbl="node1" presStyleIdx="0" presStyleCnt="5"/>
      <dgm:spPr/>
    </dgm:pt>
    <dgm:pt modelId="{41FE5182-D3A8-4121-B339-33CF309E4A18}" type="pres">
      <dgm:prSet presAssocID="{4C47F22D-0C58-448C-9C7C-FD73CEFF5D0B}" presName="childNode2" presStyleLbl="bgAcc1" presStyleIdx="1" presStyleCnt="5" custScaleX="110000" custScaleY="171607">
        <dgm:presLayoutVars>
          <dgm:bulletEnabled val="1"/>
        </dgm:presLayoutVars>
      </dgm:prSet>
      <dgm:spPr/>
    </dgm:pt>
    <dgm:pt modelId="{5970464A-4776-4421-9653-51E0EC87BB44}" type="pres">
      <dgm:prSet presAssocID="{4C47F22D-0C58-448C-9C7C-FD73CEFF5D0B}" presName="childNode2tx" presStyleLbl="bgAcc1" presStyleIdx="1" presStyleCnt="5">
        <dgm:presLayoutVars>
          <dgm:bulletEnabled val="1"/>
        </dgm:presLayoutVars>
      </dgm:prSet>
      <dgm:spPr/>
    </dgm:pt>
    <dgm:pt modelId="{BA0DBF92-3277-4949-B35E-592DC68AB263}" type="pres">
      <dgm:prSet presAssocID="{4C47F22D-0C58-448C-9C7C-FD73CEFF5D0B}" presName="parentNode2" presStyleLbl="node1" presStyleIdx="1" presStyleCnt="5" custLinFactNeighborY="-57948">
        <dgm:presLayoutVars>
          <dgm:chMax val="0"/>
          <dgm:bulletEnabled val="1"/>
        </dgm:presLayoutVars>
      </dgm:prSet>
      <dgm:spPr/>
    </dgm:pt>
    <dgm:pt modelId="{27334ECE-8BB4-4618-BC17-9753B805EA09}" type="pres">
      <dgm:prSet presAssocID="{4C47F22D-0C58-448C-9C7C-FD73CEFF5D0B}" presName="connSite2" presStyleCnt="0"/>
      <dgm:spPr/>
    </dgm:pt>
    <dgm:pt modelId="{3ED652ED-41C4-4A94-81B5-28C58901B52C}" type="pres">
      <dgm:prSet presAssocID="{2C341847-7EE1-439B-9B0E-B75D3B8898B0}" presName="Name18" presStyleLbl="sibTrans2D1" presStyleIdx="1" presStyleCnt="4" custAng="20882439"/>
      <dgm:spPr/>
    </dgm:pt>
    <dgm:pt modelId="{DC19937B-2243-4C59-8B88-AC8FA1A079F5}" type="pres">
      <dgm:prSet presAssocID="{9A664F33-F727-4EE8-BAC4-007992CC3F71}" presName="composite1" presStyleCnt="0"/>
      <dgm:spPr/>
    </dgm:pt>
    <dgm:pt modelId="{749E4475-F7F1-41CD-A528-E42646263495}" type="pres">
      <dgm:prSet presAssocID="{9A664F33-F727-4EE8-BAC4-007992CC3F71}" presName="dummyNode1" presStyleLbl="node1" presStyleIdx="1" presStyleCnt="5"/>
      <dgm:spPr/>
    </dgm:pt>
    <dgm:pt modelId="{735ED002-9C8F-40E5-AEE7-81178CEAAB17}" type="pres">
      <dgm:prSet presAssocID="{9A664F33-F727-4EE8-BAC4-007992CC3F71}" presName="childNode1" presStyleLbl="bgAcc1" presStyleIdx="2" presStyleCnt="5" custScaleX="110000" custScaleY="171607">
        <dgm:presLayoutVars>
          <dgm:bulletEnabled val="1"/>
        </dgm:presLayoutVars>
      </dgm:prSet>
      <dgm:spPr/>
    </dgm:pt>
    <dgm:pt modelId="{935DA9A8-ED16-4E8D-ABDB-2FCFADE22651}" type="pres">
      <dgm:prSet presAssocID="{9A664F33-F727-4EE8-BAC4-007992CC3F71}" presName="childNode1tx" presStyleLbl="bgAcc1" presStyleIdx="2" presStyleCnt="5">
        <dgm:presLayoutVars>
          <dgm:bulletEnabled val="1"/>
        </dgm:presLayoutVars>
      </dgm:prSet>
      <dgm:spPr/>
    </dgm:pt>
    <dgm:pt modelId="{3E8E43C5-B646-4C5B-BCD7-EF47391D2FF0}" type="pres">
      <dgm:prSet presAssocID="{9A664F33-F727-4EE8-BAC4-007992CC3F71}" presName="parentNode1" presStyleLbl="node1" presStyleIdx="2" presStyleCnt="5" custLinFactNeighborY="47412">
        <dgm:presLayoutVars>
          <dgm:chMax val="1"/>
          <dgm:bulletEnabled val="1"/>
        </dgm:presLayoutVars>
      </dgm:prSet>
      <dgm:spPr/>
    </dgm:pt>
    <dgm:pt modelId="{5E4FE913-6E51-404F-BAC7-B57E2151EB54}" type="pres">
      <dgm:prSet presAssocID="{9A664F33-F727-4EE8-BAC4-007992CC3F71}" presName="connSite1" presStyleCnt="0"/>
      <dgm:spPr/>
    </dgm:pt>
    <dgm:pt modelId="{DE46F182-2AE6-48B7-8883-F624BB604068}" type="pres">
      <dgm:prSet presAssocID="{0D93F879-BF6B-49A7-9726-C54486AC19C9}" presName="Name9" presStyleLbl="sibTrans2D1" presStyleIdx="2" presStyleCnt="4" custAng="903057"/>
      <dgm:spPr/>
    </dgm:pt>
    <dgm:pt modelId="{DF6F0C3B-2934-49B8-BE4B-48877EC092E7}" type="pres">
      <dgm:prSet presAssocID="{69623273-9079-4D8C-9E75-98F0FCD37FEF}" presName="composite2" presStyleCnt="0"/>
      <dgm:spPr/>
    </dgm:pt>
    <dgm:pt modelId="{AD55B1DF-CB4A-46C7-81E7-61501BEB44C9}" type="pres">
      <dgm:prSet presAssocID="{69623273-9079-4D8C-9E75-98F0FCD37FEF}" presName="dummyNode2" presStyleLbl="node1" presStyleIdx="2" presStyleCnt="5"/>
      <dgm:spPr/>
    </dgm:pt>
    <dgm:pt modelId="{2804F955-B30B-4258-A6AC-9889AFF87E62}" type="pres">
      <dgm:prSet presAssocID="{69623273-9079-4D8C-9E75-98F0FCD37FEF}" presName="childNode2" presStyleLbl="bgAcc1" presStyleIdx="3" presStyleCnt="5" custScaleX="110000" custScaleY="171607">
        <dgm:presLayoutVars>
          <dgm:bulletEnabled val="1"/>
        </dgm:presLayoutVars>
      </dgm:prSet>
      <dgm:spPr/>
    </dgm:pt>
    <dgm:pt modelId="{0ACD2756-9147-4782-AF44-E70C5874F927}" type="pres">
      <dgm:prSet presAssocID="{69623273-9079-4D8C-9E75-98F0FCD37FEF}" presName="childNode2tx" presStyleLbl="bgAcc1" presStyleIdx="3" presStyleCnt="5">
        <dgm:presLayoutVars>
          <dgm:bulletEnabled val="1"/>
        </dgm:presLayoutVars>
      </dgm:prSet>
      <dgm:spPr/>
    </dgm:pt>
    <dgm:pt modelId="{25A27851-0E1C-4A24-A0A6-7FC16EB9F098}" type="pres">
      <dgm:prSet presAssocID="{69623273-9079-4D8C-9E75-98F0FCD37FEF}" presName="parentNode2" presStyleLbl="node1" presStyleIdx="3" presStyleCnt="5" custLinFactNeighborY="-57948">
        <dgm:presLayoutVars>
          <dgm:chMax val="0"/>
          <dgm:bulletEnabled val="1"/>
        </dgm:presLayoutVars>
      </dgm:prSet>
      <dgm:spPr/>
    </dgm:pt>
    <dgm:pt modelId="{511F0081-38DF-4E54-BAD4-335FF385E374}" type="pres">
      <dgm:prSet presAssocID="{69623273-9079-4D8C-9E75-98F0FCD37FEF}" presName="connSite2" presStyleCnt="0"/>
      <dgm:spPr/>
    </dgm:pt>
    <dgm:pt modelId="{6BABF621-AF67-4612-8CB7-FE01BCC33FBB}" type="pres">
      <dgm:prSet presAssocID="{52F909D9-916F-4C9C-9B64-9CA498A9DF24}" presName="Name18" presStyleLbl="sibTrans2D1" presStyleIdx="3" presStyleCnt="4" custAng="20789277"/>
      <dgm:spPr/>
    </dgm:pt>
    <dgm:pt modelId="{AF8F0DD8-64A2-4C16-9E42-DF5D8CD1A50F}" type="pres">
      <dgm:prSet presAssocID="{1F043A75-77BA-4AF0-AB2E-69524AD9AF1D}" presName="composite1" presStyleCnt="0"/>
      <dgm:spPr/>
    </dgm:pt>
    <dgm:pt modelId="{DC2DDE35-0115-4973-B3DB-870A8A4A2778}" type="pres">
      <dgm:prSet presAssocID="{1F043A75-77BA-4AF0-AB2E-69524AD9AF1D}" presName="dummyNode1" presStyleLbl="node1" presStyleIdx="3" presStyleCnt="5"/>
      <dgm:spPr/>
    </dgm:pt>
    <dgm:pt modelId="{DF7BB54B-4181-4848-A2E2-73CCEC81D78B}" type="pres">
      <dgm:prSet presAssocID="{1F043A75-77BA-4AF0-AB2E-69524AD9AF1D}" presName="childNode1" presStyleLbl="bgAcc1" presStyleIdx="4" presStyleCnt="5" custScaleX="110000" custScaleY="171607">
        <dgm:presLayoutVars>
          <dgm:bulletEnabled val="1"/>
        </dgm:presLayoutVars>
      </dgm:prSet>
      <dgm:spPr/>
    </dgm:pt>
    <dgm:pt modelId="{C71C1348-E5A1-4A4A-8FB0-045285F72965}" type="pres">
      <dgm:prSet presAssocID="{1F043A75-77BA-4AF0-AB2E-69524AD9AF1D}" presName="childNode1tx" presStyleLbl="bgAcc1" presStyleIdx="4" presStyleCnt="5">
        <dgm:presLayoutVars>
          <dgm:bulletEnabled val="1"/>
        </dgm:presLayoutVars>
      </dgm:prSet>
      <dgm:spPr/>
    </dgm:pt>
    <dgm:pt modelId="{FA7FE170-F1DD-447D-9FC5-FBE4C45D7C57}" type="pres">
      <dgm:prSet presAssocID="{1F043A75-77BA-4AF0-AB2E-69524AD9AF1D}" presName="parentNode1" presStyleLbl="node1" presStyleIdx="4" presStyleCnt="5" custLinFactNeighborY="47412">
        <dgm:presLayoutVars>
          <dgm:chMax val="1"/>
          <dgm:bulletEnabled val="1"/>
        </dgm:presLayoutVars>
      </dgm:prSet>
      <dgm:spPr/>
    </dgm:pt>
    <dgm:pt modelId="{7432F6D6-8A14-48F0-AB23-90BAA502AC18}" type="pres">
      <dgm:prSet presAssocID="{1F043A75-77BA-4AF0-AB2E-69524AD9AF1D}" presName="connSite1" presStyleCnt="0"/>
      <dgm:spPr/>
    </dgm:pt>
  </dgm:ptLst>
  <dgm:cxnLst>
    <dgm:cxn modelId="{46A10601-1CEB-492C-9211-5609E27DC8F5}" srcId="{107824EE-2FAF-4D91-B0C0-AAFC2C533D78}" destId="{9A664F33-F727-4EE8-BAC4-007992CC3F71}" srcOrd="2" destOrd="0" parTransId="{5F6E6590-07F4-404D-A150-96E26A575DFE}" sibTransId="{0D93F879-BF6B-49A7-9726-C54486AC19C9}"/>
    <dgm:cxn modelId="{71310F0C-18A1-4F32-BC5D-779167C1E0F5}" srcId="{4C47F22D-0C58-448C-9C7C-FD73CEFF5D0B}" destId="{832F0C97-5E4C-4A06-8D7A-C3224591A622}" srcOrd="0" destOrd="0" parTransId="{973A8628-8000-4ED6-AFF4-E646B0623A71}" sibTransId="{71C75E81-B35D-4B1E-9942-5B79819AADF6}"/>
    <dgm:cxn modelId="{B1C65C0F-FCEF-45A5-938E-E0BFB9713F57}" type="presOf" srcId="{B1973AFE-9919-4F62-B21D-E4C1F54F0CC6}" destId="{C71C1348-E5A1-4A4A-8FB0-045285F72965}" srcOrd="1" destOrd="0" presId="urn:microsoft.com/office/officeart/2005/8/layout/hProcess4"/>
    <dgm:cxn modelId="{0D655310-8DFA-4CCD-A7B7-37C047857517}" type="presOf" srcId="{391C7CB9-134D-48EE-B192-3AB90D9CA8DF}" destId="{A0E6CD4D-05A2-4295-8DC1-00B43BF583F8}" srcOrd="1" destOrd="2" presId="urn:microsoft.com/office/officeart/2005/8/layout/hProcess4"/>
    <dgm:cxn modelId="{B97E6711-DF1C-4539-946F-7224434A3194}" type="presOf" srcId="{959B378D-61B9-4C3D-9FDC-B596437BA675}" destId="{A0E6CD4D-05A2-4295-8DC1-00B43BF583F8}" srcOrd="1" destOrd="0" presId="urn:microsoft.com/office/officeart/2005/8/layout/hProcess4"/>
    <dgm:cxn modelId="{7824BF1D-3C84-40B7-95F3-1DC94EAFFC2E}" type="presOf" srcId="{1F043A75-77BA-4AF0-AB2E-69524AD9AF1D}" destId="{FA7FE170-F1DD-447D-9FC5-FBE4C45D7C57}" srcOrd="0" destOrd="0" presId="urn:microsoft.com/office/officeart/2005/8/layout/hProcess4"/>
    <dgm:cxn modelId="{3FD9961E-43CF-46AA-9F30-C3AD276091A2}" srcId="{8A615C08-5ADB-4457-BCB9-472D2FF090E4}" destId="{DC381D92-7582-436B-AAE1-E8719CC21ACD}" srcOrd="1" destOrd="0" parTransId="{D3899738-FAED-4504-9425-6DCA9EBA4FAA}" sibTransId="{A4F13842-D3E7-4772-B2CD-B840C77B7BE0}"/>
    <dgm:cxn modelId="{D683C11F-1F2D-44AD-B33F-A1ED565949C3}" type="presOf" srcId="{52F909D9-916F-4C9C-9B64-9CA498A9DF24}" destId="{6BABF621-AF67-4612-8CB7-FE01BCC33FBB}" srcOrd="0" destOrd="0" presId="urn:microsoft.com/office/officeart/2005/8/layout/hProcess4"/>
    <dgm:cxn modelId="{754C0220-7D72-4BDD-BE26-6E927A00FBCA}" srcId="{107824EE-2FAF-4D91-B0C0-AAFC2C533D78}" destId="{1F043A75-77BA-4AF0-AB2E-69524AD9AF1D}" srcOrd="4" destOrd="0" parTransId="{F8B406E6-58BB-4587-95D7-0D73C1A58A08}" sibTransId="{167539AF-F663-42A2-9C05-CAEC056BBF1B}"/>
    <dgm:cxn modelId="{4861D920-6183-448B-9D2D-5AE2635CCA98}" type="presOf" srcId="{64B84418-247C-490C-BE57-77CE052D7137}" destId="{5970464A-4776-4421-9653-51E0EC87BB44}" srcOrd="1" destOrd="1" presId="urn:microsoft.com/office/officeart/2005/8/layout/hProcess4"/>
    <dgm:cxn modelId="{A456FB24-30B8-4123-8AE6-21CD7001BAFE}" type="presOf" srcId="{44270771-536A-44F2-B91B-B94138EF4057}" destId="{89DD89C4-3D81-418C-8DED-8F1F06A5BFEC}" srcOrd="0" destOrd="0" presId="urn:microsoft.com/office/officeart/2005/8/layout/hProcess4"/>
    <dgm:cxn modelId="{F2924025-B753-456F-8B92-B0752F664966}" type="presOf" srcId="{9324B972-C334-4B6B-A2A2-E01D0681C81D}" destId="{935DA9A8-ED16-4E8D-ABDB-2FCFADE22651}" srcOrd="1" destOrd="0" presId="urn:microsoft.com/office/officeart/2005/8/layout/hProcess4"/>
    <dgm:cxn modelId="{FAD6E925-4F8B-4962-BBF0-B159B2ED2606}" type="presOf" srcId="{8A615C08-5ADB-4457-BCB9-472D2FF090E4}" destId="{66EAD8C4-C4DF-4A1B-961F-CC154FBF42C7}" srcOrd="0" destOrd="0" presId="urn:microsoft.com/office/officeart/2005/8/layout/hProcess4"/>
    <dgm:cxn modelId="{EB589129-CDDD-4C1E-901A-59500EBB9C05}" type="presOf" srcId="{832F0C97-5E4C-4A06-8D7A-C3224591A622}" destId="{5970464A-4776-4421-9653-51E0EC87BB44}" srcOrd="1" destOrd="0" presId="urn:microsoft.com/office/officeart/2005/8/layout/hProcess4"/>
    <dgm:cxn modelId="{F1710D2E-E2C9-4B48-8BD2-15B0672BA391}" srcId="{8A615C08-5ADB-4457-BCB9-472D2FF090E4}" destId="{391C7CB9-134D-48EE-B192-3AB90D9CA8DF}" srcOrd="2" destOrd="0" parTransId="{D33546AF-5C24-4AF8-B92A-1F5BE51C6C31}" sibTransId="{ED9F892B-9C2A-4F4B-9651-01DBE484C304}"/>
    <dgm:cxn modelId="{0AD16D2E-66B7-4DE2-B8EF-11A6AF68A3CB}" type="presOf" srcId="{B1973AFE-9919-4F62-B21D-E4C1F54F0CC6}" destId="{DF7BB54B-4181-4848-A2E2-73CCEC81D78B}" srcOrd="0" destOrd="0" presId="urn:microsoft.com/office/officeart/2005/8/layout/hProcess4"/>
    <dgm:cxn modelId="{500F982F-C2BD-4340-B3C8-44525EE7936C}" srcId="{9A664F33-F727-4EE8-BAC4-007992CC3F71}" destId="{9324B972-C334-4B6B-A2A2-E01D0681C81D}" srcOrd="0" destOrd="0" parTransId="{EE3BC851-C6BE-45B0-9080-5D143F8289E9}" sibTransId="{4D86D6B0-542E-4229-8560-D6203DE2F70D}"/>
    <dgm:cxn modelId="{BAD99F35-EE32-45A6-9130-1DD346AC38EF}" type="presOf" srcId="{056AAC1A-8809-4B0B-91E2-E08445D3F659}" destId="{5970464A-4776-4421-9653-51E0EC87BB44}" srcOrd="1" destOrd="4" presId="urn:microsoft.com/office/officeart/2005/8/layout/hProcess4"/>
    <dgm:cxn modelId="{4A63C93B-15B3-44FF-B39F-1D9733883F2C}" type="presOf" srcId="{C5DFD859-93C1-4031-9C2D-8AA0B08EE770}" destId="{41FE5182-D3A8-4121-B339-33CF309E4A18}" srcOrd="0" destOrd="2" presId="urn:microsoft.com/office/officeart/2005/8/layout/hProcess4"/>
    <dgm:cxn modelId="{B181D663-4D34-4D06-A818-1A633A0D2554}" type="presOf" srcId="{2C341847-7EE1-439B-9B0E-B75D3B8898B0}" destId="{3ED652ED-41C4-4A94-81B5-28C58901B52C}" srcOrd="0" destOrd="0" presId="urn:microsoft.com/office/officeart/2005/8/layout/hProcess4"/>
    <dgm:cxn modelId="{BA645264-388B-44CA-8793-F80D73B28F90}" type="presOf" srcId="{C5DFD859-93C1-4031-9C2D-8AA0B08EE770}" destId="{5970464A-4776-4421-9653-51E0EC87BB44}" srcOrd="1" destOrd="2" presId="urn:microsoft.com/office/officeart/2005/8/layout/hProcess4"/>
    <dgm:cxn modelId="{F343B86A-E5F6-4C92-9FE0-D825C0BDC233}" type="presOf" srcId="{8B41F472-0AD3-4904-B51D-06771331AF81}" destId="{2804F955-B30B-4258-A6AC-9889AFF87E62}" srcOrd="0" destOrd="0" presId="urn:microsoft.com/office/officeart/2005/8/layout/hProcess4"/>
    <dgm:cxn modelId="{A878F24B-39AC-45DF-A383-DEB58EA39698}" type="presOf" srcId="{4C47F22D-0C58-448C-9C7C-FD73CEFF5D0B}" destId="{BA0DBF92-3277-4949-B35E-592DC68AB263}" srcOrd="0" destOrd="0" presId="urn:microsoft.com/office/officeart/2005/8/layout/hProcess4"/>
    <dgm:cxn modelId="{1E81044E-174B-462A-9D68-79C007453D8E}" type="presOf" srcId="{DC381D92-7582-436B-AAE1-E8719CC21ACD}" destId="{869AEA16-84A9-4729-8FDB-EDC6DE8BB55A}" srcOrd="0" destOrd="1" presId="urn:microsoft.com/office/officeart/2005/8/layout/hProcess4"/>
    <dgm:cxn modelId="{08796378-F5C5-408B-9EE5-E14D2DEA2685}" srcId="{107824EE-2FAF-4D91-B0C0-AAFC2C533D78}" destId="{4C47F22D-0C58-448C-9C7C-FD73CEFF5D0B}" srcOrd="1" destOrd="0" parTransId="{3198854C-B806-410E-860A-BA25F9BFF9FC}" sibTransId="{2C341847-7EE1-439B-9B0E-B75D3B8898B0}"/>
    <dgm:cxn modelId="{44C6E65A-279E-43BE-B679-51616EF57FDC}" type="presOf" srcId="{056AAC1A-8809-4B0B-91E2-E08445D3F659}" destId="{41FE5182-D3A8-4121-B339-33CF309E4A18}" srcOrd="0" destOrd="4" presId="urn:microsoft.com/office/officeart/2005/8/layout/hProcess4"/>
    <dgm:cxn modelId="{FD4AE984-0E41-43A5-B359-6F9924F309FF}" type="presOf" srcId="{9A664F33-F727-4EE8-BAC4-007992CC3F71}" destId="{3E8E43C5-B646-4C5B-BCD7-EF47391D2FF0}" srcOrd="0" destOrd="0" presId="urn:microsoft.com/office/officeart/2005/8/layout/hProcess4"/>
    <dgm:cxn modelId="{34C50F87-3DF6-41A1-8C01-D4116146CC32}" srcId="{4C47F22D-0C58-448C-9C7C-FD73CEFF5D0B}" destId="{C4A9C40E-A37F-4A86-801C-A49A3E3EACA6}" srcOrd="3" destOrd="0" parTransId="{88F54FD1-D967-41B0-A68B-1D4432090546}" sibTransId="{3F8CF000-3248-4C41-8C16-FDF073731164}"/>
    <dgm:cxn modelId="{B6407687-BF76-4F66-B937-7830125B386F}" srcId="{4C47F22D-0C58-448C-9C7C-FD73CEFF5D0B}" destId="{64B84418-247C-490C-BE57-77CE052D7137}" srcOrd="1" destOrd="0" parTransId="{C7A32ED7-0113-4237-B683-C68B4EEC2469}" sibTransId="{E01E1CA4-BBFF-4DD8-9DEF-3155CD824AF8}"/>
    <dgm:cxn modelId="{D9A1098A-6A4A-4D8F-AE46-7947C2DEA615}" type="presOf" srcId="{64B84418-247C-490C-BE57-77CE052D7137}" destId="{41FE5182-D3A8-4121-B339-33CF309E4A18}" srcOrd="0" destOrd="1" presId="urn:microsoft.com/office/officeart/2005/8/layout/hProcess4"/>
    <dgm:cxn modelId="{CED07F96-FF04-4881-998A-B46762F2F9C0}" srcId="{4C47F22D-0C58-448C-9C7C-FD73CEFF5D0B}" destId="{C5DFD859-93C1-4031-9C2D-8AA0B08EE770}" srcOrd="2" destOrd="0" parTransId="{0E749B06-A3D4-4F9D-AA06-89E62421B762}" sibTransId="{07EEFD86-73FA-4350-BB57-A590FD076A84}"/>
    <dgm:cxn modelId="{9B1E519F-1CB6-48CC-BE5F-DC5E6997768E}" type="presOf" srcId="{C4A9C40E-A37F-4A86-801C-A49A3E3EACA6}" destId="{41FE5182-D3A8-4121-B339-33CF309E4A18}" srcOrd="0" destOrd="3" presId="urn:microsoft.com/office/officeart/2005/8/layout/hProcess4"/>
    <dgm:cxn modelId="{4F52B9A4-438F-464C-9511-3EF0824D7FDF}" type="presOf" srcId="{959B378D-61B9-4C3D-9FDC-B596437BA675}" destId="{869AEA16-84A9-4729-8FDB-EDC6DE8BB55A}" srcOrd="0" destOrd="0" presId="urn:microsoft.com/office/officeart/2005/8/layout/hProcess4"/>
    <dgm:cxn modelId="{FB4522B1-50F0-43C9-AE6E-1E58F6B797BF}" type="presOf" srcId="{69623273-9079-4D8C-9E75-98F0FCD37FEF}" destId="{25A27851-0E1C-4A24-A0A6-7FC16EB9F098}" srcOrd="0" destOrd="0" presId="urn:microsoft.com/office/officeart/2005/8/layout/hProcess4"/>
    <dgm:cxn modelId="{FF2723B3-421F-40B8-983B-A8706C9866AF}" srcId="{107824EE-2FAF-4D91-B0C0-AAFC2C533D78}" destId="{69623273-9079-4D8C-9E75-98F0FCD37FEF}" srcOrd="3" destOrd="0" parTransId="{2FBADD7D-0ACA-454A-A5B5-4451EC1005F8}" sibTransId="{52F909D9-916F-4C9C-9B64-9CA498A9DF24}"/>
    <dgm:cxn modelId="{7053B1B3-EF5F-454E-A52B-25333EAF4848}" srcId="{107824EE-2FAF-4D91-B0C0-AAFC2C533D78}" destId="{8A615C08-5ADB-4457-BCB9-472D2FF090E4}" srcOrd="0" destOrd="0" parTransId="{C1C7140C-C3B9-4F4A-80F5-09165941CA09}" sibTransId="{44270771-536A-44F2-B91B-B94138EF4057}"/>
    <dgm:cxn modelId="{ED0889B4-D989-42C6-B3F5-D1C8F41C8D24}" type="presOf" srcId="{C4A9C40E-A37F-4A86-801C-A49A3E3EACA6}" destId="{5970464A-4776-4421-9653-51E0EC87BB44}" srcOrd="1" destOrd="3" presId="urn:microsoft.com/office/officeart/2005/8/layout/hProcess4"/>
    <dgm:cxn modelId="{468578BA-BCCA-470B-A36F-3D24D807F2B3}" type="presOf" srcId="{107824EE-2FAF-4D91-B0C0-AAFC2C533D78}" destId="{25668BC8-5584-4754-8C95-917AD5CA9559}" srcOrd="0" destOrd="0" presId="urn:microsoft.com/office/officeart/2005/8/layout/hProcess4"/>
    <dgm:cxn modelId="{68B805BB-F4B2-4413-8537-63A839B04AAF}" srcId="{8A615C08-5ADB-4457-BCB9-472D2FF090E4}" destId="{959B378D-61B9-4C3D-9FDC-B596437BA675}" srcOrd="0" destOrd="0" parTransId="{2693A408-F1EF-434B-B78E-191313D37B67}" sibTransId="{5EA7AEDF-D2D5-4D8B-B561-1C5177AA583A}"/>
    <dgm:cxn modelId="{F9DADBBD-59E4-452B-909B-A6F86E45B269}" type="presOf" srcId="{391C7CB9-134D-48EE-B192-3AB90D9CA8DF}" destId="{869AEA16-84A9-4729-8FDB-EDC6DE8BB55A}" srcOrd="0" destOrd="2" presId="urn:microsoft.com/office/officeart/2005/8/layout/hProcess4"/>
    <dgm:cxn modelId="{9ADB67C1-28A3-4640-BB4A-05CAFA5571DA}" type="presOf" srcId="{0D93F879-BF6B-49A7-9726-C54486AC19C9}" destId="{DE46F182-2AE6-48B7-8883-F624BB604068}" srcOrd="0" destOrd="0" presId="urn:microsoft.com/office/officeart/2005/8/layout/hProcess4"/>
    <dgm:cxn modelId="{87B4A4CF-1CFD-4605-98E0-ECCCF09C832F}" srcId="{69623273-9079-4D8C-9E75-98F0FCD37FEF}" destId="{8B41F472-0AD3-4904-B51D-06771331AF81}" srcOrd="0" destOrd="0" parTransId="{0C43C287-3656-4EBC-9348-2C08EC58CD45}" sibTransId="{D6B78C41-F3BA-4DD1-B5DF-57EEC48B1B01}"/>
    <dgm:cxn modelId="{3768F0CF-EEFD-413E-BE95-71C5B339ECD0}" type="presOf" srcId="{832F0C97-5E4C-4A06-8D7A-C3224591A622}" destId="{41FE5182-D3A8-4121-B339-33CF309E4A18}" srcOrd="0" destOrd="0" presId="urn:microsoft.com/office/officeart/2005/8/layout/hProcess4"/>
    <dgm:cxn modelId="{6014EFDB-BADC-4A2B-8F02-366F8DD2D696}" type="presOf" srcId="{DC381D92-7582-436B-AAE1-E8719CC21ACD}" destId="{A0E6CD4D-05A2-4295-8DC1-00B43BF583F8}" srcOrd="1" destOrd="1" presId="urn:microsoft.com/office/officeart/2005/8/layout/hProcess4"/>
    <dgm:cxn modelId="{8689F3E8-C3AE-408B-91E1-89C0CED2EB06}" type="presOf" srcId="{8B41F472-0AD3-4904-B51D-06771331AF81}" destId="{0ACD2756-9147-4782-AF44-E70C5874F927}" srcOrd="1" destOrd="0" presId="urn:microsoft.com/office/officeart/2005/8/layout/hProcess4"/>
    <dgm:cxn modelId="{55B73EEF-986F-4ED6-AEC6-C06D42B512DA}" type="presOf" srcId="{9324B972-C334-4B6B-A2A2-E01D0681C81D}" destId="{735ED002-9C8F-40E5-AEE7-81178CEAAB17}" srcOrd="0" destOrd="0" presId="urn:microsoft.com/office/officeart/2005/8/layout/hProcess4"/>
    <dgm:cxn modelId="{89024FFD-072F-4D65-B08F-1337DF91E54B}" srcId="{1F043A75-77BA-4AF0-AB2E-69524AD9AF1D}" destId="{B1973AFE-9919-4F62-B21D-E4C1F54F0CC6}" srcOrd="0" destOrd="0" parTransId="{ED80E37C-8F46-4566-9D81-C7C0BEBCB0DD}" sibTransId="{C824E195-AE08-4E86-9EB3-B57657286056}"/>
    <dgm:cxn modelId="{C1E061FE-3A33-4FA3-9127-9A6021448CD8}" srcId="{4C47F22D-0C58-448C-9C7C-FD73CEFF5D0B}" destId="{056AAC1A-8809-4B0B-91E2-E08445D3F659}" srcOrd="4" destOrd="0" parTransId="{D09DA879-C461-48F7-BADB-D54073E47F62}" sibTransId="{ADDE9533-45C6-410D-BA2F-A64D2F9583D9}"/>
    <dgm:cxn modelId="{236847AE-292C-461B-858F-0B67EBEBE6BA}" type="presParOf" srcId="{25668BC8-5584-4754-8C95-917AD5CA9559}" destId="{D871F7C9-035C-405A-9E5D-06EEB61F8DBB}" srcOrd="0" destOrd="0" presId="urn:microsoft.com/office/officeart/2005/8/layout/hProcess4"/>
    <dgm:cxn modelId="{6ECB9DF5-97A1-4FB5-965A-84A2FD852827}" type="presParOf" srcId="{25668BC8-5584-4754-8C95-917AD5CA9559}" destId="{C55C4B49-08ED-4068-A7CF-CE90CACFA02E}" srcOrd="1" destOrd="0" presId="urn:microsoft.com/office/officeart/2005/8/layout/hProcess4"/>
    <dgm:cxn modelId="{79221531-8BF0-4EDD-97C2-FD24B2791952}" type="presParOf" srcId="{25668BC8-5584-4754-8C95-917AD5CA9559}" destId="{F9CF7338-19E5-420E-899B-54CFE21FFE8F}" srcOrd="2" destOrd="0" presId="urn:microsoft.com/office/officeart/2005/8/layout/hProcess4"/>
    <dgm:cxn modelId="{519E16F4-F433-4936-A50A-AB350332C030}" type="presParOf" srcId="{F9CF7338-19E5-420E-899B-54CFE21FFE8F}" destId="{1EF19262-0D8A-4CE5-BCE8-6821A962ADC8}" srcOrd="0" destOrd="0" presId="urn:microsoft.com/office/officeart/2005/8/layout/hProcess4"/>
    <dgm:cxn modelId="{3E9079EA-FF75-4E8C-BFAC-61DB8C9AA0FC}" type="presParOf" srcId="{1EF19262-0D8A-4CE5-BCE8-6821A962ADC8}" destId="{B23ACEF2-DEEA-4552-B246-DFAD1481AB0C}" srcOrd="0" destOrd="0" presId="urn:microsoft.com/office/officeart/2005/8/layout/hProcess4"/>
    <dgm:cxn modelId="{74915151-B2CB-47A7-9D56-E59611974F68}" type="presParOf" srcId="{1EF19262-0D8A-4CE5-BCE8-6821A962ADC8}" destId="{869AEA16-84A9-4729-8FDB-EDC6DE8BB55A}" srcOrd="1" destOrd="0" presId="urn:microsoft.com/office/officeart/2005/8/layout/hProcess4"/>
    <dgm:cxn modelId="{64DCE99C-A3CD-4A0E-9040-0B40DDB5215D}" type="presParOf" srcId="{1EF19262-0D8A-4CE5-BCE8-6821A962ADC8}" destId="{A0E6CD4D-05A2-4295-8DC1-00B43BF583F8}" srcOrd="2" destOrd="0" presId="urn:microsoft.com/office/officeart/2005/8/layout/hProcess4"/>
    <dgm:cxn modelId="{9E5BE396-4930-442C-963E-404A8CBF005B}" type="presParOf" srcId="{1EF19262-0D8A-4CE5-BCE8-6821A962ADC8}" destId="{66EAD8C4-C4DF-4A1B-961F-CC154FBF42C7}" srcOrd="3" destOrd="0" presId="urn:microsoft.com/office/officeart/2005/8/layout/hProcess4"/>
    <dgm:cxn modelId="{62CF45F3-FC43-47E7-B8F7-EAFC9FC3075E}" type="presParOf" srcId="{1EF19262-0D8A-4CE5-BCE8-6821A962ADC8}" destId="{9101A05F-59DD-4DE6-9BF5-D45704E128DC}" srcOrd="4" destOrd="0" presId="urn:microsoft.com/office/officeart/2005/8/layout/hProcess4"/>
    <dgm:cxn modelId="{27B45645-2F50-40DC-B8CC-FFD4C19797A7}" type="presParOf" srcId="{F9CF7338-19E5-420E-899B-54CFE21FFE8F}" destId="{89DD89C4-3D81-418C-8DED-8F1F06A5BFEC}" srcOrd="1" destOrd="0" presId="urn:microsoft.com/office/officeart/2005/8/layout/hProcess4"/>
    <dgm:cxn modelId="{97B51887-A73A-4F3A-9C0B-B33F2A12B231}" type="presParOf" srcId="{F9CF7338-19E5-420E-899B-54CFE21FFE8F}" destId="{681C4504-207E-4681-8826-FD3CD3F00FAA}" srcOrd="2" destOrd="0" presId="urn:microsoft.com/office/officeart/2005/8/layout/hProcess4"/>
    <dgm:cxn modelId="{42B64B8C-F649-4B76-BB1E-BE29267E2700}" type="presParOf" srcId="{681C4504-207E-4681-8826-FD3CD3F00FAA}" destId="{6A2BCF84-82D8-4636-BECF-D550A421AD1A}" srcOrd="0" destOrd="0" presId="urn:microsoft.com/office/officeart/2005/8/layout/hProcess4"/>
    <dgm:cxn modelId="{C841FB7A-C7FC-42A7-9CE8-D339301CC048}" type="presParOf" srcId="{681C4504-207E-4681-8826-FD3CD3F00FAA}" destId="{41FE5182-D3A8-4121-B339-33CF309E4A18}" srcOrd="1" destOrd="0" presId="urn:microsoft.com/office/officeart/2005/8/layout/hProcess4"/>
    <dgm:cxn modelId="{6977EE3C-C5C3-4719-860A-07A1A7976C79}" type="presParOf" srcId="{681C4504-207E-4681-8826-FD3CD3F00FAA}" destId="{5970464A-4776-4421-9653-51E0EC87BB44}" srcOrd="2" destOrd="0" presId="urn:microsoft.com/office/officeart/2005/8/layout/hProcess4"/>
    <dgm:cxn modelId="{5B539B35-2FAA-4475-A73C-BC62827E2F99}" type="presParOf" srcId="{681C4504-207E-4681-8826-FD3CD3F00FAA}" destId="{BA0DBF92-3277-4949-B35E-592DC68AB263}" srcOrd="3" destOrd="0" presId="urn:microsoft.com/office/officeart/2005/8/layout/hProcess4"/>
    <dgm:cxn modelId="{CC4F84A1-3C9A-47D5-8F15-DA2B0413C528}" type="presParOf" srcId="{681C4504-207E-4681-8826-FD3CD3F00FAA}" destId="{27334ECE-8BB4-4618-BC17-9753B805EA09}" srcOrd="4" destOrd="0" presId="urn:microsoft.com/office/officeart/2005/8/layout/hProcess4"/>
    <dgm:cxn modelId="{82EA01FC-8FD0-4CCC-8DD1-43B25640E0A2}" type="presParOf" srcId="{F9CF7338-19E5-420E-899B-54CFE21FFE8F}" destId="{3ED652ED-41C4-4A94-81B5-28C58901B52C}" srcOrd="3" destOrd="0" presId="urn:microsoft.com/office/officeart/2005/8/layout/hProcess4"/>
    <dgm:cxn modelId="{A7178F05-48FC-4B5B-A1B8-E9521C7401C2}" type="presParOf" srcId="{F9CF7338-19E5-420E-899B-54CFE21FFE8F}" destId="{DC19937B-2243-4C59-8B88-AC8FA1A079F5}" srcOrd="4" destOrd="0" presId="urn:microsoft.com/office/officeart/2005/8/layout/hProcess4"/>
    <dgm:cxn modelId="{3091EF07-7F67-423C-8DDC-C74DF3BB7A96}" type="presParOf" srcId="{DC19937B-2243-4C59-8B88-AC8FA1A079F5}" destId="{749E4475-F7F1-41CD-A528-E42646263495}" srcOrd="0" destOrd="0" presId="urn:microsoft.com/office/officeart/2005/8/layout/hProcess4"/>
    <dgm:cxn modelId="{44B57D84-1D36-43F5-8A30-EF417B9B7C16}" type="presParOf" srcId="{DC19937B-2243-4C59-8B88-AC8FA1A079F5}" destId="{735ED002-9C8F-40E5-AEE7-81178CEAAB17}" srcOrd="1" destOrd="0" presId="urn:microsoft.com/office/officeart/2005/8/layout/hProcess4"/>
    <dgm:cxn modelId="{66762723-1CAA-47EE-B9B7-94F59A9692CE}" type="presParOf" srcId="{DC19937B-2243-4C59-8B88-AC8FA1A079F5}" destId="{935DA9A8-ED16-4E8D-ABDB-2FCFADE22651}" srcOrd="2" destOrd="0" presId="urn:microsoft.com/office/officeart/2005/8/layout/hProcess4"/>
    <dgm:cxn modelId="{73F83783-F183-4320-ABDA-2981949D51C7}" type="presParOf" srcId="{DC19937B-2243-4C59-8B88-AC8FA1A079F5}" destId="{3E8E43C5-B646-4C5B-BCD7-EF47391D2FF0}" srcOrd="3" destOrd="0" presId="urn:microsoft.com/office/officeart/2005/8/layout/hProcess4"/>
    <dgm:cxn modelId="{D78B52BA-93C5-4FE7-8510-5B814E2E8D7C}" type="presParOf" srcId="{DC19937B-2243-4C59-8B88-AC8FA1A079F5}" destId="{5E4FE913-6E51-404F-BAC7-B57E2151EB54}" srcOrd="4" destOrd="0" presId="urn:microsoft.com/office/officeart/2005/8/layout/hProcess4"/>
    <dgm:cxn modelId="{7794E53C-F596-4B09-9E26-9247BC044E47}" type="presParOf" srcId="{F9CF7338-19E5-420E-899B-54CFE21FFE8F}" destId="{DE46F182-2AE6-48B7-8883-F624BB604068}" srcOrd="5" destOrd="0" presId="urn:microsoft.com/office/officeart/2005/8/layout/hProcess4"/>
    <dgm:cxn modelId="{A6D70E52-B58F-4C65-BD6D-F7B325AE8EC5}" type="presParOf" srcId="{F9CF7338-19E5-420E-899B-54CFE21FFE8F}" destId="{DF6F0C3B-2934-49B8-BE4B-48877EC092E7}" srcOrd="6" destOrd="0" presId="urn:microsoft.com/office/officeart/2005/8/layout/hProcess4"/>
    <dgm:cxn modelId="{B7545D8A-9B52-4F65-B08B-AE5446BCAF64}" type="presParOf" srcId="{DF6F0C3B-2934-49B8-BE4B-48877EC092E7}" destId="{AD55B1DF-CB4A-46C7-81E7-61501BEB44C9}" srcOrd="0" destOrd="0" presId="urn:microsoft.com/office/officeart/2005/8/layout/hProcess4"/>
    <dgm:cxn modelId="{9208F025-65AA-4989-B909-E0D6079210F9}" type="presParOf" srcId="{DF6F0C3B-2934-49B8-BE4B-48877EC092E7}" destId="{2804F955-B30B-4258-A6AC-9889AFF87E62}" srcOrd="1" destOrd="0" presId="urn:microsoft.com/office/officeart/2005/8/layout/hProcess4"/>
    <dgm:cxn modelId="{ED7AE158-9F71-44D8-A718-FAE9F0156609}" type="presParOf" srcId="{DF6F0C3B-2934-49B8-BE4B-48877EC092E7}" destId="{0ACD2756-9147-4782-AF44-E70C5874F927}" srcOrd="2" destOrd="0" presId="urn:microsoft.com/office/officeart/2005/8/layout/hProcess4"/>
    <dgm:cxn modelId="{59E7541C-D98D-4D1C-9D18-B24A15FC17F1}" type="presParOf" srcId="{DF6F0C3B-2934-49B8-BE4B-48877EC092E7}" destId="{25A27851-0E1C-4A24-A0A6-7FC16EB9F098}" srcOrd="3" destOrd="0" presId="urn:microsoft.com/office/officeart/2005/8/layout/hProcess4"/>
    <dgm:cxn modelId="{EC2E73AE-D4F0-4C24-BB78-5D2450143F7A}" type="presParOf" srcId="{DF6F0C3B-2934-49B8-BE4B-48877EC092E7}" destId="{511F0081-38DF-4E54-BAD4-335FF385E374}" srcOrd="4" destOrd="0" presId="urn:microsoft.com/office/officeart/2005/8/layout/hProcess4"/>
    <dgm:cxn modelId="{4C092B94-0CE1-4C7B-AF7B-D53C32221CF4}" type="presParOf" srcId="{F9CF7338-19E5-420E-899B-54CFE21FFE8F}" destId="{6BABF621-AF67-4612-8CB7-FE01BCC33FBB}" srcOrd="7" destOrd="0" presId="urn:microsoft.com/office/officeart/2005/8/layout/hProcess4"/>
    <dgm:cxn modelId="{271C49A4-BFAF-4CA9-A431-436FD1ED89A2}" type="presParOf" srcId="{F9CF7338-19E5-420E-899B-54CFE21FFE8F}" destId="{AF8F0DD8-64A2-4C16-9E42-DF5D8CD1A50F}" srcOrd="8" destOrd="0" presId="urn:microsoft.com/office/officeart/2005/8/layout/hProcess4"/>
    <dgm:cxn modelId="{2F5BCC63-C427-4DFC-B7C4-F9014160460E}" type="presParOf" srcId="{AF8F0DD8-64A2-4C16-9E42-DF5D8CD1A50F}" destId="{DC2DDE35-0115-4973-B3DB-870A8A4A2778}" srcOrd="0" destOrd="0" presId="urn:microsoft.com/office/officeart/2005/8/layout/hProcess4"/>
    <dgm:cxn modelId="{2F051C76-67E3-46C1-B2F7-9F749B662C0B}" type="presParOf" srcId="{AF8F0DD8-64A2-4C16-9E42-DF5D8CD1A50F}" destId="{DF7BB54B-4181-4848-A2E2-73CCEC81D78B}" srcOrd="1" destOrd="0" presId="urn:microsoft.com/office/officeart/2005/8/layout/hProcess4"/>
    <dgm:cxn modelId="{B5906C27-AA43-47D6-A145-F3729482D48F}" type="presParOf" srcId="{AF8F0DD8-64A2-4C16-9E42-DF5D8CD1A50F}" destId="{C71C1348-E5A1-4A4A-8FB0-045285F72965}" srcOrd="2" destOrd="0" presId="urn:microsoft.com/office/officeart/2005/8/layout/hProcess4"/>
    <dgm:cxn modelId="{8F0826C9-9805-4EE0-A629-600904C6CE31}" type="presParOf" srcId="{AF8F0DD8-64A2-4C16-9E42-DF5D8CD1A50F}" destId="{FA7FE170-F1DD-447D-9FC5-FBE4C45D7C57}" srcOrd="3" destOrd="0" presId="urn:microsoft.com/office/officeart/2005/8/layout/hProcess4"/>
    <dgm:cxn modelId="{F88E74EA-D11D-4003-B67F-6D3F4417C586}" type="presParOf" srcId="{AF8F0DD8-64A2-4C16-9E42-DF5D8CD1A50F}" destId="{7432F6D6-8A14-48F0-AB23-90BAA502AC18}" srcOrd="4" destOrd="0" presId="urn:microsoft.com/office/officeart/2005/8/layout/hProcess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411FDE33-CE6B-406E-8A4F-655B630581F7}" type="doc">
      <dgm:prSet loTypeId="urn:microsoft.com/office/officeart/2008/layout/PictureStrips" loCatId="picture" qsTypeId="urn:microsoft.com/office/officeart/2005/8/quickstyle/simple5" qsCatId="simple" csTypeId="urn:microsoft.com/office/officeart/2005/8/colors/accent5_2" csCatId="accent5" phldr="1"/>
      <dgm:spPr/>
    </dgm:pt>
    <dgm:pt modelId="{E3750AC2-84FF-4E63-9C3D-A3B86B388BCF}">
      <dgm:prSet phldrT="[Text]" custT="1"/>
      <dgm:spPr/>
      <dgm:t>
        <a:bodyPr/>
        <a:lstStyle/>
        <a:p>
          <a:pPr algn="ctr"/>
          <a:r>
            <a:rPr lang="en-US" sz="1600" b="1" dirty="0">
              <a:solidFill>
                <a:schemeClr val="bg2">
                  <a:lumMod val="50000"/>
                </a:schemeClr>
              </a:solidFill>
            </a:rPr>
            <a:t>Accuracy</a:t>
          </a:r>
        </a:p>
      </dgm:t>
    </dgm:pt>
    <dgm:pt modelId="{234C6496-0D50-4E9C-B2E4-E2921EE94499}" type="parTrans" cxnId="{55B9C75C-CAFC-41A4-BCBF-DB24DFF23221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1AF43EAB-9FC6-4A52-8827-77CB38A260F4}" type="sibTrans" cxnId="{55B9C75C-CAFC-41A4-BCBF-DB24DFF23221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D23A3679-2871-4EA6-9A41-15E1C0287826}">
      <dgm:prSet phldrT="[Text]" custT="1"/>
      <dgm:spPr/>
      <dgm:t>
        <a:bodyPr/>
        <a:lstStyle/>
        <a:p>
          <a:pPr algn="ctr"/>
          <a:r>
            <a:rPr lang="en-US" sz="1600" b="1" dirty="0">
              <a:solidFill>
                <a:schemeClr val="bg2">
                  <a:lumMod val="50000"/>
                </a:schemeClr>
              </a:solidFill>
            </a:rPr>
            <a:t>Precision</a:t>
          </a:r>
        </a:p>
      </dgm:t>
    </dgm:pt>
    <dgm:pt modelId="{7E6109C5-5464-4001-BBA6-76F6AFBABE0C}" type="parTrans" cxnId="{7FE81D05-0DDB-4635-AE52-7E74F87E366C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6396E8BD-B9AB-456D-9E1E-0E6749C221D9}" type="sibTrans" cxnId="{7FE81D05-0DDB-4635-AE52-7E74F87E366C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DFE77D2F-A091-4FED-A0E2-8BC7BF45D1C0}">
      <dgm:prSet phldrT="[Text]" custT="1"/>
      <dgm:spPr/>
      <dgm:t>
        <a:bodyPr/>
        <a:lstStyle/>
        <a:p>
          <a:pPr algn="ctr"/>
          <a:r>
            <a:rPr lang="en-US" sz="1600" b="1" dirty="0">
              <a:solidFill>
                <a:schemeClr val="bg2">
                  <a:lumMod val="50000"/>
                </a:schemeClr>
              </a:solidFill>
            </a:rPr>
            <a:t>Recall</a:t>
          </a:r>
        </a:p>
      </dgm:t>
    </dgm:pt>
    <dgm:pt modelId="{4A051A01-BDE4-44DA-94E4-57BB3F2E6972}" type="parTrans" cxnId="{CF23D364-EEF7-4480-9B79-2578D4DFB9AD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4A9205F1-3D1B-49BB-BD7A-5575EC7DCDC5}" type="sibTrans" cxnId="{CF23D364-EEF7-4480-9B79-2578D4DFB9AD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EA054ED2-7119-4CE5-95F2-08EC38867A96}">
      <dgm:prSet custT="1"/>
      <dgm:spPr/>
      <dgm:t>
        <a:bodyPr/>
        <a:lstStyle/>
        <a:p>
          <a:pPr algn="ctr"/>
          <a:r>
            <a:rPr lang="en-US" sz="1600" b="1" dirty="0">
              <a:solidFill>
                <a:schemeClr val="bg2">
                  <a:lumMod val="50000"/>
                </a:schemeClr>
              </a:solidFill>
            </a:rPr>
            <a:t>F1 Score</a:t>
          </a:r>
        </a:p>
      </dgm:t>
    </dgm:pt>
    <dgm:pt modelId="{260A7B31-4FA2-4089-BB12-5E9D1738C153}" type="parTrans" cxnId="{60F276CC-1411-4E0A-8433-6087900C7233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6E10D7E6-F2BC-4A6C-939F-C5610A33BD07}" type="sibTrans" cxnId="{60F276CC-1411-4E0A-8433-6087900C7233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4A9E3EB8-4715-4EA1-9562-5706EA65BD0E}">
      <dgm:prSet custT="1"/>
      <dgm:spPr/>
      <dgm:t>
        <a:bodyPr/>
        <a:lstStyle/>
        <a:p>
          <a:pPr algn="ctr"/>
          <a:r>
            <a:rPr lang="en-US" sz="1600" b="1" i="0" dirty="0">
              <a:solidFill>
                <a:schemeClr val="bg2">
                  <a:lumMod val="50000"/>
                </a:schemeClr>
              </a:solidFill>
            </a:rPr>
            <a:t>AUC</a:t>
          </a:r>
          <a:endParaRPr lang="en-US" sz="1600" b="1" dirty="0">
            <a:solidFill>
              <a:schemeClr val="bg2">
                <a:lumMod val="50000"/>
              </a:schemeClr>
            </a:solidFill>
          </a:endParaRPr>
        </a:p>
      </dgm:t>
    </dgm:pt>
    <dgm:pt modelId="{6E77AA53-729E-41D9-8780-18513A0F413F}" type="parTrans" cxnId="{B1B82BD5-5F1D-42B9-9104-5E33E653DC87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989CB603-FA37-41AA-B04C-CF7F052AAFBD}" type="sibTrans" cxnId="{B1B82BD5-5F1D-42B9-9104-5E33E653DC87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9F673B00-9029-4196-B6AD-68B260B4EC63}">
      <dgm:prSet custT="1"/>
      <dgm:spPr/>
      <dgm:t>
        <a:bodyPr/>
        <a:lstStyle/>
        <a:p>
          <a:pPr algn="ctr"/>
          <a:r>
            <a:rPr lang="en-US" sz="1600" b="1" i="0" dirty="0">
              <a:solidFill>
                <a:schemeClr val="bg2">
                  <a:lumMod val="50000"/>
                </a:schemeClr>
              </a:solidFill>
            </a:rPr>
            <a:t>ROC</a:t>
          </a:r>
          <a:endParaRPr lang="en-US" sz="1600" b="1" dirty="0">
            <a:solidFill>
              <a:schemeClr val="bg2">
                <a:lumMod val="50000"/>
              </a:schemeClr>
            </a:solidFill>
          </a:endParaRPr>
        </a:p>
      </dgm:t>
    </dgm:pt>
    <dgm:pt modelId="{E106A999-5F2B-4AF5-A5CC-947BAC636809}" type="parTrans" cxnId="{4056F0DA-CB4C-4EC4-89BD-44A55CF1A845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B323355A-4A32-43B9-A61B-7FF7956C39B7}" type="sibTrans" cxnId="{4056F0DA-CB4C-4EC4-89BD-44A55CF1A845}">
      <dgm:prSet/>
      <dgm:spPr/>
      <dgm:t>
        <a:bodyPr/>
        <a:lstStyle/>
        <a:p>
          <a:endParaRPr lang="en-US">
            <a:solidFill>
              <a:schemeClr val="bg2">
                <a:lumMod val="50000"/>
              </a:schemeClr>
            </a:solidFill>
          </a:endParaRPr>
        </a:p>
      </dgm:t>
    </dgm:pt>
    <dgm:pt modelId="{C3750352-BF74-4233-9455-DA4C34CC17CD}" type="pres">
      <dgm:prSet presAssocID="{411FDE33-CE6B-406E-8A4F-655B630581F7}" presName="Name0" presStyleCnt="0">
        <dgm:presLayoutVars>
          <dgm:dir/>
          <dgm:resizeHandles val="exact"/>
        </dgm:presLayoutVars>
      </dgm:prSet>
      <dgm:spPr/>
    </dgm:pt>
    <dgm:pt modelId="{EAFBA87D-5D99-4F3B-9FDA-1B8A867B1F3A}" type="pres">
      <dgm:prSet presAssocID="{9F673B00-9029-4196-B6AD-68B260B4EC63}" presName="composite" presStyleCnt="0"/>
      <dgm:spPr/>
    </dgm:pt>
    <dgm:pt modelId="{3DB767C6-CE2A-4DF3-A3DB-82FC7174A3C4}" type="pres">
      <dgm:prSet presAssocID="{9F673B00-9029-4196-B6AD-68B260B4EC63}" presName="rect1" presStyleLbl="trAlignAcc1" presStyleIdx="0" presStyleCnt="6">
        <dgm:presLayoutVars>
          <dgm:bulletEnabled val="1"/>
        </dgm:presLayoutVars>
      </dgm:prSet>
      <dgm:spPr/>
    </dgm:pt>
    <dgm:pt modelId="{AE5F7C4C-7681-4FC2-BF28-8581626B074A}" type="pres">
      <dgm:prSet presAssocID="{9F673B00-9029-4196-B6AD-68B260B4EC63}" presName="rect2" presStyleLbl="fgImgPlace1" presStyleIdx="0" presStyleCnt="6" custScaleX="184554" custScaleY="128013"/>
      <dgm:spPr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</dgm:spPr>
    </dgm:pt>
    <dgm:pt modelId="{EF260FAE-C528-42B4-9CFA-C309661F2D12}" type="pres">
      <dgm:prSet presAssocID="{B323355A-4A32-43B9-A61B-7FF7956C39B7}" presName="sibTrans" presStyleCnt="0"/>
      <dgm:spPr/>
    </dgm:pt>
    <dgm:pt modelId="{00497343-8D4F-4C73-90BC-366729EF6335}" type="pres">
      <dgm:prSet presAssocID="{4A9E3EB8-4715-4EA1-9562-5706EA65BD0E}" presName="composite" presStyleCnt="0"/>
      <dgm:spPr/>
    </dgm:pt>
    <dgm:pt modelId="{5DEE0890-FBEB-44D6-A343-7436A21F45A5}" type="pres">
      <dgm:prSet presAssocID="{4A9E3EB8-4715-4EA1-9562-5706EA65BD0E}" presName="rect1" presStyleLbl="trAlignAcc1" presStyleIdx="1" presStyleCnt="6">
        <dgm:presLayoutVars>
          <dgm:bulletEnabled val="1"/>
        </dgm:presLayoutVars>
      </dgm:prSet>
      <dgm:spPr/>
    </dgm:pt>
    <dgm:pt modelId="{3C03FC63-5BA4-41E7-90E4-9364DEB489CC}" type="pres">
      <dgm:prSet presAssocID="{4A9E3EB8-4715-4EA1-9562-5706EA65BD0E}" presName="rect2" presStyleLbl="fgImgPlace1" presStyleIdx="1" presStyleCnt="6" custScaleX="181214" custScaleY="127863"/>
      <dgm:spPr>
        <a:prstGeom prst="ellipse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</dgm:spPr>
    </dgm:pt>
    <dgm:pt modelId="{8B2C432F-3936-4CA7-B217-06E899F9C17E}" type="pres">
      <dgm:prSet presAssocID="{989CB603-FA37-41AA-B04C-CF7F052AAFBD}" presName="sibTrans" presStyleCnt="0"/>
      <dgm:spPr/>
    </dgm:pt>
    <dgm:pt modelId="{CB70F12A-98AA-4280-9DE3-6D8588B94C6B}" type="pres">
      <dgm:prSet presAssocID="{E3750AC2-84FF-4E63-9C3D-A3B86B388BCF}" presName="composite" presStyleCnt="0"/>
      <dgm:spPr/>
    </dgm:pt>
    <dgm:pt modelId="{A531D577-A6F8-49AE-9C01-DFB4EFBDC55B}" type="pres">
      <dgm:prSet presAssocID="{E3750AC2-84FF-4E63-9C3D-A3B86B388BCF}" presName="rect1" presStyleLbl="trAlignAcc1" presStyleIdx="2" presStyleCnt="6">
        <dgm:presLayoutVars>
          <dgm:bulletEnabled val="1"/>
        </dgm:presLayoutVars>
      </dgm:prSet>
      <dgm:spPr/>
    </dgm:pt>
    <dgm:pt modelId="{CA09D3F9-C7DC-410A-A2E9-40BDB57BD6DE}" type="pres">
      <dgm:prSet presAssocID="{E3750AC2-84FF-4E63-9C3D-A3B86B388BCF}" presName="rect2" presStyleLbl="fgImgPlace1" presStyleIdx="2" presStyleCnt="6" custScaleX="168056" custScaleY="127863"/>
      <dgm:spPr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</dgm:spPr>
    </dgm:pt>
    <dgm:pt modelId="{27C9585A-2B90-479E-8740-68EF16552965}" type="pres">
      <dgm:prSet presAssocID="{1AF43EAB-9FC6-4A52-8827-77CB38A260F4}" presName="sibTrans" presStyleCnt="0"/>
      <dgm:spPr/>
    </dgm:pt>
    <dgm:pt modelId="{A5C0FF66-09D4-4CCF-945D-BAD45F22B04D}" type="pres">
      <dgm:prSet presAssocID="{D23A3679-2871-4EA6-9A41-15E1C0287826}" presName="composite" presStyleCnt="0"/>
      <dgm:spPr/>
    </dgm:pt>
    <dgm:pt modelId="{FE834409-1EDD-499E-8536-44B5577C6418}" type="pres">
      <dgm:prSet presAssocID="{D23A3679-2871-4EA6-9A41-15E1C0287826}" presName="rect1" presStyleLbl="trAlignAcc1" presStyleIdx="3" presStyleCnt="6">
        <dgm:presLayoutVars>
          <dgm:bulletEnabled val="1"/>
        </dgm:presLayoutVars>
      </dgm:prSet>
      <dgm:spPr/>
    </dgm:pt>
    <dgm:pt modelId="{3F6E7299-7A8F-42BE-A62E-3CFC4E73E4C8}" type="pres">
      <dgm:prSet presAssocID="{D23A3679-2871-4EA6-9A41-15E1C0287826}" presName="rect2" presStyleLbl="fgImgPlace1" presStyleIdx="3" presStyleCnt="6" custScaleX="180917" custScaleY="127863"/>
      <dgm:spPr>
        <a:prstGeom prst="ellipse">
          <a:avLst/>
        </a:prstGeom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</dgm:spPr>
    </dgm:pt>
    <dgm:pt modelId="{14745C58-035B-414F-8C90-2A0BFAE1FC60}" type="pres">
      <dgm:prSet presAssocID="{6396E8BD-B9AB-456D-9E1E-0E6749C221D9}" presName="sibTrans" presStyleCnt="0"/>
      <dgm:spPr/>
    </dgm:pt>
    <dgm:pt modelId="{7A7E6A8E-3B22-4737-909E-4A0A23CEA37D}" type="pres">
      <dgm:prSet presAssocID="{DFE77D2F-A091-4FED-A0E2-8BC7BF45D1C0}" presName="composite" presStyleCnt="0"/>
      <dgm:spPr/>
    </dgm:pt>
    <dgm:pt modelId="{7D4F8C35-0E73-460E-810C-D5C6C2E4D4AC}" type="pres">
      <dgm:prSet presAssocID="{DFE77D2F-A091-4FED-A0E2-8BC7BF45D1C0}" presName="rect1" presStyleLbl="trAlignAcc1" presStyleIdx="4" presStyleCnt="6">
        <dgm:presLayoutVars>
          <dgm:bulletEnabled val="1"/>
        </dgm:presLayoutVars>
      </dgm:prSet>
      <dgm:spPr/>
    </dgm:pt>
    <dgm:pt modelId="{1DF4C7A9-5F20-4992-81E3-79C228287363}" type="pres">
      <dgm:prSet presAssocID="{DFE77D2F-A091-4FED-A0E2-8BC7BF45D1C0}" presName="rect2" presStyleLbl="fgImgPlace1" presStyleIdx="4" presStyleCnt="6" custScaleX="184554" custScaleY="128013" custLinFactNeighborX="-1574" custLinFactNeighborY="17360"/>
      <dgm:spPr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</dgm:spPr>
    </dgm:pt>
    <dgm:pt modelId="{DE987EAA-1458-420D-BD00-85C64DDCCAB2}" type="pres">
      <dgm:prSet presAssocID="{4A9205F1-3D1B-49BB-BD7A-5575EC7DCDC5}" presName="sibTrans" presStyleCnt="0"/>
      <dgm:spPr/>
    </dgm:pt>
    <dgm:pt modelId="{4A3D065F-7D2D-4EF7-AA7C-EBFBCE2882C7}" type="pres">
      <dgm:prSet presAssocID="{EA054ED2-7119-4CE5-95F2-08EC38867A96}" presName="composite" presStyleCnt="0"/>
      <dgm:spPr/>
    </dgm:pt>
    <dgm:pt modelId="{59738B24-2D65-411B-A331-1C34DDDBA901}" type="pres">
      <dgm:prSet presAssocID="{EA054ED2-7119-4CE5-95F2-08EC38867A96}" presName="rect1" presStyleLbl="trAlignAcc1" presStyleIdx="5" presStyleCnt="6">
        <dgm:presLayoutVars>
          <dgm:bulletEnabled val="1"/>
        </dgm:presLayoutVars>
      </dgm:prSet>
      <dgm:spPr/>
    </dgm:pt>
    <dgm:pt modelId="{7CEA3820-324D-48E5-BEF6-E0200419C4B9}" type="pres">
      <dgm:prSet presAssocID="{EA054ED2-7119-4CE5-95F2-08EC38867A96}" presName="rect2" presStyleLbl="fgImgPlace1" presStyleIdx="5" presStyleCnt="6" custScaleX="184554" custScaleY="128013"/>
      <dgm:spPr>
        <a:prstGeom prst="ellipse">
          <a:avLst/>
        </a:prstGeom>
        <a:blipFill>
          <a:blip xmlns:r="http://schemas.openxmlformats.org/officeDocument/2006/relationships"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t="-3000" b="-3000"/>
          </a:stretch>
        </a:blipFill>
      </dgm:spPr>
    </dgm:pt>
  </dgm:ptLst>
  <dgm:cxnLst>
    <dgm:cxn modelId="{7FE81D05-0DDB-4635-AE52-7E74F87E366C}" srcId="{411FDE33-CE6B-406E-8A4F-655B630581F7}" destId="{D23A3679-2871-4EA6-9A41-15E1C0287826}" srcOrd="3" destOrd="0" parTransId="{7E6109C5-5464-4001-BBA6-76F6AFBABE0C}" sibTransId="{6396E8BD-B9AB-456D-9E1E-0E6749C221D9}"/>
    <dgm:cxn modelId="{55B9C75C-CAFC-41A4-BCBF-DB24DFF23221}" srcId="{411FDE33-CE6B-406E-8A4F-655B630581F7}" destId="{E3750AC2-84FF-4E63-9C3D-A3B86B388BCF}" srcOrd="2" destOrd="0" parTransId="{234C6496-0D50-4E9C-B2E4-E2921EE94499}" sibTransId="{1AF43EAB-9FC6-4A52-8827-77CB38A260F4}"/>
    <dgm:cxn modelId="{CF23D364-EEF7-4480-9B79-2578D4DFB9AD}" srcId="{411FDE33-CE6B-406E-8A4F-655B630581F7}" destId="{DFE77D2F-A091-4FED-A0E2-8BC7BF45D1C0}" srcOrd="4" destOrd="0" parTransId="{4A051A01-BDE4-44DA-94E4-57BB3F2E6972}" sibTransId="{4A9205F1-3D1B-49BB-BD7A-5575EC7DCDC5}"/>
    <dgm:cxn modelId="{0A0B326E-6F2C-49EE-9E38-9B3FB2B37420}" type="presOf" srcId="{EA054ED2-7119-4CE5-95F2-08EC38867A96}" destId="{59738B24-2D65-411B-A331-1C34DDDBA901}" srcOrd="0" destOrd="0" presId="urn:microsoft.com/office/officeart/2008/layout/PictureStrips"/>
    <dgm:cxn modelId="{584177A3-14F1-40F3-9C95-4B806C5F92ED}" type="presOf" srcId="{D23A3679-2871-4EA6-9A41-15E1C0287826}" destId="{FE834409-1EDD-499E-8536-44B5577C6418}" srcOrd="0" destOrd="0" presId="urn:microsoft.com/office/officeart/2008/layout/PictureStrips"/>
    <dgm:cxn modelId="{55B269B4-A52C-4FFA-949C-5650DD2A7018}" type="presOf" srcId="{9F673B00-9029-4196-B6AD-68B260B4EC63}" destId="{3DB767C6-CE2A-4DF3-A3DB-82FC7174A3C4}" srcOrd="0" destOrd="0" presId="urn:microsoft.com/office/officeart/2008/layout/PictureStrips"/>
    <dgm:cxn modelId="{EBB888B5-79FD-45C4-ACA1-0F956E74FB24}" type="presOf" srcId="{4A9E3EB8-4715-4EA1-9562-5706EA65BD0E}" destId="{5DEE0890-FBEB-44D6-A343-7436A21F45A5}" srcOrd="0" destOrd="0" presId="urn:microsoft.com/office/officeart/2008/layout/PictureStrips"/>
    <dgm:cxn modelId="{60F276CC-1411-4E0A-8433-6087900C7233}" srcId="{411FDE33-CE6B-406E-8A4F-655B630581F7}" destId="{EA054ED2-7119-4CE5-95F2-08EC38867A96}" srcOrd="5" destOrd="0" parTransId="{260A7B31-4FA2-4089-BB12-5E9D1738C153}" sibTransId="{6E10D7E6-F2BC-4A6C-939F-C5610A33BD07}"/>
    <dgm:cxn modelId="{B1B82BD5-5F1D-42B9-9104-5E33E653DC87}" srcId="{411FDE33-CE6B-406E-8A4F-655B630581F7}" destId="{4A9E3EB8-4715-4EA1-9562-5706EA65BD0E}" srcOrd="1" destOrd="0" parTransId="{6E77AA53-729E-41D9-8780-18513A0F413F}" sibTransId="{989CB603-FA37-41AA-B04C-CF7F052AAFBD}"/>
    <dgm:cxn modelId="{4056F0DA-CB4C-4EC4-89BD-44A55CF1A845}" srcId="{411FDE33-CE6B-406E-8A4F-655B630581F7}" destId="{9F673B00-9029-4196-B6AD-68B260B4EC63}" srcOrd="0" destOrd="0" parTransId="{E106A999-5F2B-4AF5-A5CC-947BAC636809}" sibTransId="{B323355A-4A32-43B9-A61B-7FF7956C39B7}"/>
    <dgm:cxn modelId="{582120E3-80A4-4011-932D-47F57E8A5274}" type="presOf" srcId="{E3750AC2-84FF-4E63-9C3D-A3B86B388BCF}" destId="{A531D577-A6F8-49AE-9C01-DFB4EFBDC55B}" srcOrd="0" destOrd="0" presId="urn:microsoft.com/office/officeart/2008/layout/PictureStrips"/>
    <dgm:cxn modelId="{12C316EC-13BB-416E-ADC9-CC64C84B862A}" type="presOf" srcId="{411FDE33-CE6B-406E-8A4F-655B630581F7}" destId="{C3750352-BF74-4233-9455-DA4C34CC17CD}" srcOrd="0" destOrd="0" presId="urn:microsoft.com/office/officeart/2008/layout/PictureStrips"/>
    <dgm:cxn modelId="{B29BE6F1-AC99-4893-8675-9989B3BC9D0A}" type="presOf" srcId="{DFE77D2F-A091-4FED-A0E2-8BC7BF45D1C0}" destId="{7D4F8C35-0E73-460E-810C-D5C6C2E4D4AC}" srcOrd="0" destOrd="0" presId="urn:microsoft.com/office/officeart/2008/layout/PictureStrips"/>
    <dgm:cxn modelId="{AE4DCCFE-F92A-4C4B-BEBB-5A6E1B64AA77}" type="presParOf" srcId="{C3750352-BF74-4233-9455-DA4C34CC17CD}" destId="{EAFBA87D-5D99-4F3B-9FDA-1B8A867B1F3A}" srcOrd="0" destOrd="0" presId="urn:microsoft.com/office/officeart/2008/layout/PictureStrips"/>
    <dgm:cxn modelId="{DC8FEA4B-690E-46A4-AD1C-A4A8D0471FF2}" type="presParOf" srcId="{EAFBA87D-5D99-4F3B-9FDA-1B8A867B1F3A}" destId="{3DB767C6-CE2A-4DF3-A3DB-82FC7174A3C4}" srcOrd="0" destOrd="0" presId="urn:microsoft.com/office/officeart/2008/layout/PictureStrips"/>
    <dgm:cxn modelId="{462DCBED-3F81-4333-A341-15C0C6C02143}" type="presParOf" srcId="{EAFBA87D-5D99-4F3B-9FDA-1B8A867B1F3A}" destId="{AE5F7C4C-7681-4FC2-BF28-8581626B074A}" srcOrd="1" destOrd="0" presId="urn:microsoft.com/office/officeart/2008/layout/PictureStrips"/>
    <dgm:cxn modelId="{38DF4E0C-335A-4F83-8271-39203992131A}" type="presParOf" srcId="{C3750352-BF74-4233-9455-DA4C34CC17CD}" destId="{EF260FAE-C528-42B4-9CFA-C309661F2D12}" srcOrd="1" destOrd="0" presId="urn:microsoft.com/office/officeart/2008/layout/PictureStrips"/>
    <dgm:cxn modelId="{6473FB57-ECF1-4376-9C85-700E63DDE747}" type="presParOf" srcId="{C3750352-BF74-4233-9455-DA4C34CC17CD}" destId="{00497343-8D4F-4C73-90BC-366729EF6335}" srcOrd="2" destOrd="0" presId="urn:microsoft.com/office/officeart/2008/layout/PictureStrips"/>
    <dgm:cxn modelId="{96BE70C5-2B95-425C-B5DE-A03AE6AFF7DF}" type="presParOf" srcId="{00497343-8D4F-4C73-90BC-366729EF6335}" destId="{5DEE0890-FBEB-44D6-A343-7436A21F45A5}" srcOrd="0" destOrd="0" presId="urn:microsoft.com/office/officeart/2008/layout/PictureStrips"/>
    <dgm:cxn modelId="{724E2D50-B0C1-477E-B713-2BD888E44C1E}" type="presParOf" srcId="{00497343-8D4F-4C73-90BC-366729EF6335}" destId="{3C03FC63-5BA4-41E7-90E4-9364DEB489CC}" srcOrd="1" destOrd="0" presId="urn:microsoft.com/office/officeart/2008/layout/PictureStrips"/>
    <dgm:cxn modelId="{2DCC0D1C-43A9-49CD-B573-EA20E88C511B}" type="presParOf" srcId="{C3750352-BF74-4233-9455-DA4C34CC17CD}" destId="{8B2C432F-3936-4CA7-B217-06E899F9C17E}" srcOrd="3" destOrd="0" presId="urn:microsoft.com/office/officeart/2008/layout/PictureStrips"/>
    <dgm:cxn modelId="{60F9A2DF-C1B1-4A34-AFDE-F6317961C45C}" type="presParOf" srcId="{C3750352-BF74-4233-9455-DA4C34CC17CD}" destId="{CB70F12A-98AA-4280-9DE3-6D8588B94C6B}" srcOrd="4" destOrd="0" presId="urn:microsoft.com/office/officeart/2008/layout/PictureStrips"/>
    <dgm:cxn modelId="{969A63F0-5E91-4301-917C-28026B15171A}" type="presParOf" srcId="{CB70F12A-98AA-4280-9DE3-6D8588B94C6B}" destId="{A531D577-A6F8-49AE-9C01-DFB4EFBDC55B}" srcOrd="0" destOrd="0" presId="urn:microsoft.com/office/officeart/2008/layout/PictureStrips"/>
    <dgm:cxn modelId="{2232B020-18B1-45B8-9EC1-78C8BF613C55}" type="presParOf" srcId="{CB70F12A-98AA-4280-9DE3-6D8588B94C6B}" destId="{CA09D3F9-C7DC-410A-A2E9-40BDB57BD6DE}" srcOrd="1" destOrd="0" presId="urn:microsoft.com/office/officeart/2008/layout/PictureStrips"/>
    <dgm:cxn modelId="{6D09AA68-6B00-4363-A24B-EC851F92F7FD}" type="presParOf" srcId="{C3750352-BF74-4233-9455-DA4C34CC17CD}" destId="{27C9585A-2B90-479E-8740-68EF16552965}" srcOrd="5" destOrd="0" presId="urn:microsoft.com/office/officeart/2008/layout/PictureStrips"/>
    <dgm:cxn modelId="{8C6F0109-449F-4295-BF08-EDA3E7D5F338}" type="presParOf" srcId="{C3750352-BF74-4233-9455-DA4C34CC17CD}" destId="{A5C0FF66-09D4-4CCF-945D-BAD45F22B04D}" srcOrd="6" destOrd="0" presId="urn:microsoft.com/office/officeart/2008/layout/PictureStrips"/>
    <dgm:cxn modelId="{29A408A0-DB6B-407D-8E14-0DD749DF81F5}" type="presParOf" srcId="{A5C0FF66-09D4-4CCF-945D-BAD45F22B04D}" destId="{FE834409-1EDD-499E-8536-44B5577C6418}" srcOrd="0" destOrd="0" presId="urn:microsoft.com/office/officeart/2008/layout/PictureStrips"/>
    <dgm:cxn modelId="{1C14A211-0248-4918-9DD0-CACCC516C692}" type="presParOf" srcId="{A5C0FF66-09D4-4CCF-945D-BAD45F22B04D}" destId="{3F6E7299-7A8F-42BE-A62E-3CFC4E73E4C8}" srcOrd="1" destOrd="0" presId="urn:microsoft.com/office/officeart/2008/layout/PictureStrips"/>
    <dgm:cxn modelId="{A619DF06-0060-421B-9290-2E01557CF13B}" type="presParOf" srcId="{C3750352-BF74-4233-9455-DA4C34CC17CD}" destId="{14745C58-035B-414F-8C90-2A0BFAE1FC60}" srcOrd="7" destOrd="0" presId="urn:microsoft.com/office/officeart/2008/layout/PictureStrips"/>
    <dgm:cxn modelId="{D0CD1497-058F-46F7-8B4F-451E919ECBA7}" type="presParOf" srcId="{C3750352-BF74-4233-9455-DA4C34CC17CD}" destId="{7A7E6A8E-3B22-4737-909E-4A0A23CEA37D}" srcOrd="8" destOrd="0" presId="urn:microsoft.com/office/officeart/2008/layout/PictureStrips"/>
    <dgm:cxn modelId="{BEBD48DD-3ED5-4F0C-BBAF-246CD82E38DF}" type="presParOf" srcId="{7A7E6A8E-3B22-4737-909E-4A0A23CEA37D}" destId="{7D4F8C35-0E73-460E-810C-D5C6C2E4D4AC}" srcOrd="0" destOrd="0" presId="urn:microsoft.com/office/officeart/2008/layout/PictureStrips"/>
    <dgm:cxn modelId="{E62C8118-74BB-461F-8469-F3040D880196}" type="presParOf" srcId="{7A7E6A8E-3B22-4737-909E-4A0A23CEA37D}" destId="{1DF4C7A9-5F20-4992-81E3-79C228287363}" srcOrd="1" destOrd="0" presId="urn:microsoft.com/office/officeart/2008/layout/PictureStrips"/>
    <dgm:cxn modelId="{CA204B62-66B1-455A-A7B0-36557C66AFFD}" type="presParOf" srcId="{C3750352-BF74-4233-9455-DA4C34CC17CD}" destId="{DE987EAA-1458-420D-BD00-85C64DDCCAB2}" srcOrd="9" destOrd="0" presId="urn:microsoft.com/office/officeart/2008/layout/PictureStrips"/>
    <dgm:cxn modelId="{D75A741F-ACD3-47E8-B7CE-B3DF13A06545}" type="presParOf" srcId="{C3750352-BF74-4233-9455-DA4C34CC17CD}" destId="{4A3D065F-7D2D-4EF7-AA7C-EBFBCE2882C7}" srcOrd="10" destOrd="0" presId="urn:microsoft.com/office/officeart/2008/layout/PictureStrips"/>
    <dgm:cxn modelId="{C83A6DD1-B176-4C66-9FB6-FA8C4DC5C746}" type="presParOf" srcId="{4A3D065F-7D2D-4EF7-AA7C-EBFBCE2882C7}" destId="{59738B24-2D65-411B-A331-1C34DDDBA901}" srcOrd="0" destOrd="0" presId="urn:microsoft.com/office/officeart/2008/layout/PictureStrips"/>
    <dgm:cxn modelId="{9BB93026-B136-49D1-A9F9-DBD97C93C877}" type="presParOf" srcId="{4A3D065F-7D2D-4EF7-AA7C-EBFBCE2882C7}" destId="{7CEA3820-324D-48E5-BEF6-E0200419C4B9}" srcOrd="1" destOrd="0" presId="urn:microsoft.com/office/officeart/2008/layout/PictureStrips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F0E685B2-7B81-4690-B98E-64FCFAB7604B}" type="doc">
      <dgm:prSet loTypeId="urn:microsoft.com/office/officeart/2008/layout/IncreasingCircleProcess" loCatId="process" qsTypeId="urn:microsoft.com/office/officeart/2005/8/quickstyle/simple1" qsCatId="simple" csTypeId="urn:microsoft.com/office/officeart/2005/8/colors/accent5_1" csCatId="accent5" phldr="1"/>
      <dgm:spPr/>
      <dgm:t>
        <a:bodyPr/>
        <a:lstStyle/>
        <a:p>
          <a:endParaRPr lang="en-US"/>
        </a:p>
      </dgm:t>
    </dgm:pt>
    <dgm:pt modelId="{2C4A7A76-7827-4036-8D87-953AD64E610C}">
      <dgm:prSet phldrT="[Text]" custT="1"/>
      <dgm:spPr/>
      <dgm:t>
        <a:bodyPr/>
        <a:lstStyle/>
        <a:p>
          <a:r>
            <a:rPr lang="en-US" sz="1200" b="1" dirty="0"/>
            <a:t>Stage</a:t>
          </a:r>
          <a:r>
            <a:rPr lang="en-US" sz="1200" b="1" baseline="0" dirty="0"/>
            <a:t> 1 – </a:t>
          </a:r>
        </a:p>
        <a:p>
          <a:r>
            <a:rPr lang="en-US" sz="1200" b="1" baseline="0" dirty="0"/>
            <a:t>Shadow Deployment</a:t>
          </a:r>
          <a:endParaRPr lang="en-US" sz="1200" b="1" dirty="0"/>
        </a:p>
      </dgm:t>
    </dgm:pt>
    <dgm:pt modelId="{54CA4E9F-D8C4-466D-8D7E-7D71F97A4B3B}" type="parTrans" cxnId="{935DC7E6-8EB8-435D-AA86-1069653C7970}">
      <dgm:prSet/>
      <dgm:spPr/>
      <dgm:t>
        <a:bodyPr/>
        <a:lstStyle/>
        <a:p>
          <a:endParaRPr lang="en-US" sz="1800"/>
        </a:p>
      </dgm:t>
    </dgm:pt>
    <dgm:pt modelId="{A818D161-7DE1-4358-9EA0-3BF9BAB6A37B}" type="sibTrans" cxnId="{935DC7E6-8EB8-435D-AA86-1069653C7970}">
      <dgm:prSet/>
      <dgm:spPr/>
      <dgm:t>
        <a:bodyPr/>
        <a:lstStyle/>
        <a:p>
          <a:endParaRPr lang="en-US" sz="1800"/>
        </a:p>
      </dgm:t>
    </dgm:pt>
    <dgm:pt modelId="{87DB4A9B-A9B8-4D08-AAB0-B573FE65C2EA}">
      <dgm:prSet phldrT="[Text]" custT="1"/>
      <dgm:spPr/>
      <dgm:t>
        <a:bodyPr/>
        <a:lstStyle/>
        <a:p>
          <a:r>
            <a:rPr lang="en-US" sz="1200" b="1" dirty="0"/>
            <a:t>Stage 2 –</a:t>
          </a:r>
        </a:p>
        <a:p>
          <a:r>
            <a:rPr lang="en-US" sz="1200" b="1" dirty="0"/>
            <a:t>Canary Deployment</a:t>
          </a:r>
        </a:p>
      </dgm:t>
    </dgm:pt>
    <dgm:pt modelId="{C992747A-6CD0-4478-87EF-D3523345DD5D}" type="parTrans" cxnId="{82B56A1D-BA36-4EB9-B463-63377CEA23F9}">
      <dgm:prSet/>
      <dgm:spPr/>
      <dgm:t>
        <a:bodyPr/>
        <a:lstStyle/>
        <a:p>
          <a:endParaRPr lang="en-US" sz="1800"/>
        </a:p>
      </dgm:t>
    </dgm:pt>
    <dgm:pt modelId="{C68DA172-5E4E-4E80-ABD6-81561240280C}" type="sibTrans" cxnId="{82B56A1D-BA36-4EB9-B463-63377CEA23F9}">
      <dgm:prSet/>
      <dgm:spPr/>
      <dgm:t>
        <a:bodyPr/>
        <a:lstStyle/>
        <a:p>
          <a:endParaRPr lang="en-US" sz="1800"/>
        </a:p>
      </dgm:t>
    </dgm:pt>
    <dgm:pt modelId="{853A545C-99B2-4CE3-9592-D9ABA2F742E2}">
      <dgm:prSet phldrT="[Text]" custT="1"/>
      <dgm:spPr/>
      <dgm:t>
        <a:bodyPr/>
        <a:lstStyle/>
        <a:p>
          <a:r>
            <a:rPr lang="en-US" sz="1200" b="1" dirty="0"/>
            <a:t>Stage 3 – </a:t>
          </a:r>
        </a:p>
        <a:p>
          <a:r>
            <a:rPr lang="en-US" sz="1200" b="1" dirty="0"/>
            <a:t>AI-RMS Final Integration (Blue/Green Deployment)</a:t>
          </a:r>
        </a:p>
      </dgm:t>
    </dgm:pt>
    <dgm:pt modelId="{C7FA28BC-1A75-460B-9F96-0D63A357205F}" type="parTrans" cxnId="{0270D4EE-9462-486D-88F4-ADD5A75723D1}">
      <dgm:prSet/>
      <dgm:spPr/>
      <dgm:t>
        <a:bodyPr/>
        <a:lstStyle/>
        <a:p>
          <a:endParaRPr lang="en-US" sz="1800"/>
        </a:p>
      </dgm:t>
    </dgm:pt>
    <dgm:pt modelId="{2308A13A-D7AF-4F99-A9ED-91AECDFC2274}" type="sibTrans" cxnId="{0270D4EE-9462-486D-88F4-ADD5A75723D1}">
      <dgm:prSet/>
      <dgm:spPr/>
      <dgm:t>
        <a:bodyPr/>
        <a:lstStyle/>
        <a:p>
          <a:endParaRPr lang="en-US" sz="1800"/>
        </a:p>
      </dgm:t>
    </dgm:pt>
    <dgm:pt modelId="{5FA2218F-91EE-4FAC-8DDC-4455455DDCEE}">
      <dgm:prSet phldrT="[Text]" custT="1"/>
      <dgm:spPr/>
      <dgm:t>
        <a:bodyPr/>
        <a:lstStyle/>
        <a:p>
          <a:pPr marL="0">
            <a:buFont typeface="Arial" panose="020B0604020202020204" pitchFamily="34" charset="0"/>
            <a:buChar char="•"/>
          </a:pPr>
          <a:r>
            <a:rPr lang="en-US" sz="1200" dirty="0"/>
            <a:t>- Model deployed in parallel</a:t>
          </a:r>
        </a:p>
        <a:p>
          <a:pPr marL="0">
            <a:buFont typeface="Arial" panose="020B0604020202020204" pitchFamily="34" charset="0"/>
            <a:buChar char="•"/>
          </a:pPr>
          <a:r>
            <a:rPr lang="en-US" sz="1200" dirty="0"/>
            <a:t>- No without effect on the</a:t>
          </a:r>
        </a:p>
        <a:p>
          <a:pPr marL="0">
            <a:buFont typeface="Arial" panose="020B0604020202020204" pitchFamily="34" charset="0"/>
            <a:buChar char="•"/>
          </a:pPr>
          <a:r>
            <a:rPr lang="en-US" sz="1200" dirty="0"/>
            <a:t>  selectivity results</a:t>
          </a:r>
        </a:p>
        <a:p>
          <a:pPr marL="0">
            <a:buFont typeface="Arial" panose="020B0604020202020204" pitchFamily="34" charset="0"/>
            <a:buChar char="•"/>
          </a:pPr>
          <a:r>
            <a:rPr lang="en-US" sz="1200" dirty="0"/>
            <a:t>- Performance measure and</a:t>
          </a:r>
        </a:p>
        <a:p>
          <a:pPr marL="0">
            <a:buFont typeface="Arial" panose="020B0604020202020204" pitchFamily="34" charset="0"/>
            <a:buChar char="•"/>
          </a:pPr>
          <a:r>
            <a:rPr lang="en-US" sz="1200" dirty="0"/>
            <a:t>  further analysis.</a:t>
          </a:r>
        </a:p>
      </dgm:t>
    </dgm:pt>
    <dgm:pt modelId="{34E52086-42FD-4E13-B0AD-3728B2B1C57D}" type="parTrans" cxnId="{CE4E1EC1-E8AB-4382-8FD6-A4BD8D5D21E5}">
      <dgm:prSet/>
      <dgm:spPr/>
      <dgm:t>
        <a:bodyPr/>
        <a:lstStyle/>
        <a:p>
          <a:endParaRPr lang="en-US" sz="1800"/>
        </a:p>
      </dgm:t>
    </dgm:pt>
    <dgm:pt modelId="{5716DF58-9586-4B02-B101-B192E5675528}" type="sibTrans" cxnId="{CE4E1EC1-E8AB-4382-8FD6-A4BD8D5D21E5}">
      <dgm:prSet/>
      <dgm:spPr/>
      <dgm:t>
        <a:bodyPr/>
        <a:lstStyle/>
        <a:p>
          <a:endParaRPr lang="en-US" sz="1800"/>
        </a:p>
      </dgm:t>
    </dgm:pt>
    <dgm:pt modelId="{033102DA-2FD8-489F-9B65-1C0DBDFBA8FA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- 10% of import declarations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   exposed to the model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- Impact and measuring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   performance 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- Definition of integration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   with RMS.</a:t>
          </a:r>
          <a:endParaRPr lang="en-US" sz="1200" dirty="0"/>
        </a:p>
      </dgm:t>
    </dgm:pt>
    <dgm:pt modelId="{7D4342EC-7FF1-4A65-B657-76E957AC8623}" type="parTrans" cxnId="{A85D992B-401E-4253-AA68-FF8EB120FDD0}">
      <dgm:prSet/>
      <dgm:spPr/>
      <dgm:t>
        <a:bodyPr/>
        <a:lstStyle/>
        <a:p>
          <a:endParaRPr lang="en-US" sz="1800"/>
        </a:p>
      </dgm:t>
    </dgm:pt>
    <dgm:pt modelId="{A2A6F3C2-84AF-4D70-B80B-948ABC0DEE48}" type="sibTrans" cxnId="{A85D992B-401E-4253-AA68-FF8EB120FDD0}">
      <dgm:prSet/>
      <dgm:spPr/>
      <dgm:t>
        <a:bodyPr/>
        <a:lstStyle/>
        <a:p>
          <a:endParaRPr lang="en-US" sz="1800"/>
        </a:p>
      </dgm:t>
    </dgm:pt>
    <dgm:pt modelId="{27BF80E9-83D7-4C20-A43E-3F433E47F5B5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- Model integrated with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   RMS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- Reduction of targeted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  physical inspection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  achieved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- Model monitoring, 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  continuous improvement</a:t>
          </a:r>
        </a:p>
        <a:p>
          <a:pPr>
            <a:buFont typeface="Arial" panose="020B0604020202020204" pitchFamily="34" charset="0"/>
            <a:buChar char="•"/>
          </a:pPr>
          <a:r>
            <a:rPr lang="en-US" sz="1200" b="0" i="0" dirty="0"/>
            <a:t>  and re-training</a:t>
          </a:r>
          <a:endParaRPr lang="en-US" sz="1100" dirty="0"/>
        </a:p>
      </dgm:t>
    </dgm:pt>
    <dgm:pt modelId="{90EAB37A-B5A2-4C26-822B-CA12376AD28E}" type="parTrans" cxnId="{B917F226-5DAB-452C-913F-B9EE3986EFFB}">
      <dgm:prSet/>
      <dgm:spPr/>
      <dgm:t>
        <a:bodyPr/>
        <a:lstStyle/>
        <a:p>
          <a:endParaRPr lang="en-US" sz="1800"/>
        </a:p>
      </dgm:t>
    </dgm:pt>
    <dgm:pt modelId="{7389CB8D-1583-4AE7-B022-C7484254F9C2}" type="sibTrans" cxnId="{B917F226-5DAB-452C-913F-B9EE3986EFFB}">
      <dgm:prSet/>
      <dgm:spPr/>
      <dgm:t>
        <a:bodyPr/>
        <a:lstStyle/>
        <a:p>
          <a:endParaRPr lang="en-US" sz="1800"/>
        </a:p>
      </dgm:t>
    </dgm:pt>
    <dgm:pt modelId="{8474B359-02B4-4118-A66C-8350FD7E4A0B}" type="pres">
      <dgm:prSet presAssocID="{F0E685B2-7B81-4690-B98E-64FCFAB7604B}" presName="Name0" presStyleCnt="0">
        <dgm:presLayoutVars>
          <dgm:chMax val="7"/>
          <dgm:chPref val="7"/>
          <dgm:dir/>
          <dgm:animOne val="branch"/>
          <dgm:animLvl val="lvl"/>
        </dgm:presLayoutVars>
      </dgm:prSet>
      <dgm:spPr/>
    </dgm:pt>
    <dgm:pt modelId="{B39247B3-AA5E-4001-9483-31530B944612}" type="pres">
      <dgm:prSet presAssocID="{2C4A7A76-7827-4036-8D87-953AD64E610C}" presName="composite" presStyleCnt="0"/>
      <dgm:spPr/>
    </dgm:pt>
    <dgm:pt modelId="{AED4F3A6-6A41-49A1-BDD8-7667B615267B}" type="pres">
      <dgm:prSet presAssocID="{2C4A7A76-7827-4036-8D87-953AD64E610C}" presName="BackAccent" presStyleLbl="bgShp" presStyleIdx="0" presStyleCnt="3"/>
      <dgm:spPr/>
    </dgm:pt>
    <dgm:pt modelId="{630691BD-75AF-44BD-8A68-6FF8D23ABD82}" type="pres">
      <dgm:prSet presAssocID="{2C4A7A76-7827-4036-8D87-953AD64E610C}" presName="Accent" presStyleLbl="alignNode1" presStyleIdx="0" presStyleCnt="3"/>
      <dgm:spPr/>
    </dgm:pt>
    <dgm:pt modelId="{5C9BCECD-3112-4107-9E4C-D63B85C4E451}" type="pres">
      <dgm:prSet presAssocID="{2C4A7A76-7827-4036-8D87-953AD64E610C}" presName="Child" presStyleLbl="revTx" presStyleIdx="0" presStyleCnt="6">
        <dgm:presLayoutVars>
          <dgm:chMax val="0"/>
          <dgm:chPref val="0"/>
          <dgm:bulletEnabled val="1"/>
        </dgm:presLayoutVars>
      </dgm:prSet>
      <dgm:spPr/>
    </dgm:pt>
    <dgm:pt modelId="{16C1C60B-8ACF-401F-AA09-A60CEADF874D}" type="pres">
      <dgm:prSet presAssocID="{2C4A7A76-7827-4036-8D87-953AD64E610C}" presName="Parent" presStyleLbl="revTx" presStyleIdx="1" presStyleCnt="6">
        <dgm:presLayoutVars>
          <dgm:chMax val="1"/>
          <dgm:chPref val="1"/>
          <dgm:bulletEnabled val="1"/>
        </dgm:presLayoutVars>
      </dgm:prSet>
      <dgm:spPr/>
    </dgm:pt>
    <dgm:pt modelId="{912C5B8D-B611-42E3-BEF7-CFD239A1D1E3}" type="pres">
      <dgm:prSet presAssocID="{A818D161-7DE1-4358-9EA0-3BF9BAB6A37B}" presName="sibTrans" presStyleCnt="0"/>
      <dgm:spPr/>
    </dgm:pt>
    <dgm:pt modelId="{19A244DD-52E9-40F2-9884-623B9B7ADF9C}" type="pres">
      <dgm:prSet presAssocID="{87DB4A9B-A9B8-4D08-AAB0-B573FE65C2EA}" presName="composite" presStyleCnt="0"/>
      <dgm:spPr/>
    </dgm:pt>
    <dgm:pt modelId="{1D1F4787-C75A-4E96-9930-D1B3FDC1A422}" type="pres">
      <dgm:prSet presAssocID="{87DB4A9B-A9B8-4D08-AAB0-B573FE65C2EA}" presName="BackAccent" presStyleLbl="bgShp" presStyleIdx="1" presStyleCnt="3"/>
      <dgm:spPr/>
    </dgm:pt>
    <dgm:pt modelId="{9CEC152E-37E1-494D-AFA9-FA137EC4E0FC}" type="pres">
      <dgm:prSet presAssocID="{87DB4A9B-A9B8-4D08-AAB0-B573FE65C2EA}" presName="Accent" presStyleLbl="alignNode1" presStyleIdx="1" presStyleCnt="3"/>
      <dgm:spPr/>
    </dgm:pt>
    <dgm:pt modelId="{1A8AA4D2-4AE2-4423-862B-100883B6CD7C}" type="pres">
      <dgm:prSet presAssocID="{87DB4A9B-A9B8-4D08-AAB0-B573FE65C2EA}" presName="Child" presStyleLbl="revTx" presStyleIdx="2" presStyleCnt="6">
        <dgm:presLayoutVars>
          <dgm:chMax val="0"/>
          <dgm:chPref val="0"/>
          <dgm:bulletEnabled val="1"/>
        </dgm:presLayoutVars>
      </dgm:prSet>
      <dgm:spPr/>
    </dgm:pt>
    <dgm:pt modelId="{CD40B2F4-B65E-4489-A0E1-0CC4915ED9CA}" type="pres">
      <dgm:prSet presAssocID="{87DB4A9B-A9B8-4D08-AAB0-B573FE65C2EA}" presName="Parent" presStyleLbl="revTx" presStyleIdx="3" presStyleCnt="6">
        <dgm:presLayoutVars>
          <dgm:chMax val="1"/>
          <dgm:chPref val="1"/>
          <dgm:bulletEnabled val="1"/>
        </dgm:presLayoutVars>
      </dgm:prSet>
      <dgm:spPr/>
    </dgm:pt>
    <dgm:pt modelId="{11A8E8D2-566E-49E3-8751-27EB2711DA4B}" type="pres">
      <dgm:prSet presAssocID="{C68DA172-5E4E-4E80-ABD6-81561240280C}" presName="sibTrans" presStyleCnt="0"/>
      <dgm:spPr/>
    </dgm:pt>
    <dgm:pt modelId="{6A6C33AF-941B-49D3-9B25-47C58A1D512A}" type="pres">
      <dgm:prSet presAssocID="{853A545C-99B2-4CE3-9592-D9ABA2F742E2}" presName="composite" presStyleCnt="0"/>
      <dgm:spPr/>
    </dgm:pt>
    <dgm:pt modelId="{3547D94A-1638-46D7-8E01-1A59D5D7E87F}" type="pres">
      <dgm:prSet presAssocID="{853A545C-99B2-4CE3-9592-D9ABA2F742E2}" presName="BackAccent" presStyleLbl="bgShp" presStyleIdx="2" presStyleCnt="3"/>
      <dgm:spPr/>
    </dgm:pt>
    <dgm:pt modelId="{4877C8DB-7601-4161-9816-8AAA6237A40B}" type="pres">
      <dgm:prSet presAssocID="{853A545C-99B2-4CE3-9592-D9ABA2F742E2}" presName="Accent" presStyleLbl="alignNode1" presStyleIdx="2" presStyleCnt="3"/>
      <dgm:spPr/>
    </dgm:pt>
    <dgm:pt modelId="{FF1A4395-B6C8-4D82-B759-554A0017F513}" type="pres">
      <dgm:prSet presAssocID="{853A545C-99B2-4CE3-9592-D9ABA2F742E2}" presName="Child" presStyleLbl="revTx" presStyleIdx="4" presStyleCnt="6">
        <dgm:presLayoutVars>
          <dgm:chMax val="0"/>
          <dgm:chPref val="0"/>
          <dgm:bulletEnabled val="1"/>
        </dgm:presLayoutVars>
      </dgm:prSet>
      <dgm:spPr/>
    </dgm:pt>
    <dgm:pt modelId="{B3005364-2C9A-4E0F-B004-D33BF60A8EFC}" type="pres">
      <dgm:prSet presAssocID="{853A545C-99B2-4CE3-9592-D9ABA2F742E2}" presName="Parent" presStyleLbl="revTx" presStyleIdx="5" presStyleCnt="6">
        <dgm:presLayoutVars>
          <dgm:chMax val="1"/>
          <dgm:chPref val="1"/>
          <dgm:bulletEnabled val="1"/>
        </dgm:presLayoutVars>
      </dgm:prSet>
      <dgm:spPr/>
    </dgm:pt>
  </dgm:ptLst>
  <dgm:cxnLst>
    <dgm:cxn modelId="{3C664019-0A6E-4A9F-94F4-12FA6DC10982}" type="presOf" srcId="{F0E685B2-7B81-4690-B98E-64FCFAB7604B}" destId="{8474B359-02B4-4118-A66C-8350FD7E4A0B}" srcOrd="0" destOrd="0" presId="urn:microsoft.com/office/officeart/2008/layout/IncreasingCircleProcess"/>
    <dgm:cxn modelId="{82B56A1D-BA36-4EB9-B463-63377CEA23F9}" srcId="{F0E685B2-7B81-4690-B98E-64FCFAB7604B}" destId="{87DB4A9B-A9B8-4D08-AAB0-B573FE65C2EA}" srcOrd="1" destOrd="0" parTransId="{C992747A-6CD0-4478-87EF-D3523345DD5D}" sibTransId="{C68DA172-5E4E-4E80-ABD6-81561240280C}"/>
    <dgm:cxn modelId="{4DF4251F-7675-4DF7-B95F-0F2F48F422E5}" type="presOf" srcId="{27BF80E9-83D7-4C20-A43E-3F433E47F5B5}" destId="{FF1A4395-B6C8-4D82-B759-554A0017F513}" srcOrd="0" destOrd="0" presId="urn:microsoft.com/office/officeart/2008/layout/IncreasingCircleProcess"/>
    <dgm:cxn modelId="{B917F226-5DAB-452C-913F-B9EE3986EFFB}" srcId="{853A545C-99B2-4CE3-9592-D9ABA2F742E2}" destId="{27BF80E9-83D7-4C20-A43E-3F433E47F5B5}" srcOrd="0" destOrd="0" parTransId="{90EAB37A-B5A2-4C26-822B-CA12376AD28E}" sibTransId="{7389CB8D-1583-4AE7-B022-C7484254F9C2}"/>
    <dgm:cxn modelId="{A85D992B-401E-4253-AA68-FF8EB120FDD0}" srcId="{87DB4A9B-A9B8-4D08-AAB0-B573FE65C2EA}" destId="{033102DA-2FD8-489F-9B65-1C0DBDFBA8FA}" srcOrd="0" destOrd="0" parTransId="{7D4342EC-7FF1-4A65-B657-76E957AC8623}" sibTransId="{A2A6F3C2-84AF-4D70-B80B-948ABC0DEE48}"/>
    <dgm:cxn modelId="{04E3EA3A-2446-4EDA-9F34-7F60B7112CB2}" type="presOf" srcId="{5FA2218F-91EE-4FAC-8DDC-4455455DDCEE}" destId="{5C9BCECD-3112-4107-9E4C-D63B85C4E451}" srcOrd="0" destOrd="0" presId="urn:microsoft.com/office/officeart/2008/layout/IncreasingCircleProcess"/>
    <dgm:cxn modelId="{C2B3DF3B-D346-4539-95EB-2E979B0A72D7}" type="presOf" srcId="{853A545C-99B2-4CE3-9592-D9ABA2F742E2}" destId="{B3005364-2C9A-4E0F-B004-D33BF60A8EFC}" srcOrd="0" destOrd="0" presId="urn:microsoft.com/office/officeart/2008/layout/IncreasingCircleProcess"/>
    <dgm:cxn modelId="{19D23E44-FB92-45E6-AEEA-BF2D0D548289}" type="presOf" srcId="{033102DA-2FD8-489F-9B65-1C0DBDFBA8FA}" destId="{1A8AA4D2-4AE2-4423-862B-100883B6CD7C}" srcOrd="0" destOrd="0" presId="urn:microsoft.com/office/officeart/2008/layout/IncreasingCircleProcess"/>
    <dgm:cxn modelId="{D7BDB9B2-C8F3-4E5A-9AB7-D0B9936A6361}" type="presOf" srcId="{2C4A7A76-7827-4036-8D87-953AD64E610C}" destId="{16C1C60B-8ACF-401F-AA09-A60CEADF874D}" srcOrd="0" destOrd="0" presId="urn:microsoft.com/office/officeart/2008/layout/IncreasingCircleProcess"/>
    <dgm:cxn modelId="{CE4E1EC1-E8AB-4382-8FD6-A4BD8D5D21E5}" srcId="{2C4A7A76-7827-4036-8D87-953AD64E610C}" destId="{5FA2218F-91EE-4FAC-8DDC-4455455DDCEE}" srcOrd="0" destOrd="0" parTransId="{34E52086-42FD-4E13-B0AD-3728B2B1C57D}" sibTransId="{5716DF58-9586-4B02-B101-B192E5675528}"/>
    <dgm:cxn modelId="{AEE553C1-DE17-498C-AC96-BC29D4AE1CB8}" type="presOf" srcId="{87DB4A9B-A9B8-4D08-AAB0-B573FE65C2EA}" destId="{CD40B2F4-B65E-4489-A0E1-0CC4915ED9CA}" srcOrd="0" destOrd="0" presId="urn:microsoft.com/office/officeart/2008/layout/IncreasingCircleProcess"/>
    <dgm:cxn modelId="{935DC7E6-8EB8-435D-AA86-1069653C7970}" srcId="{F0E685B2-7B81-4690-B98E-64FCFAB7604B}" destId="{2C4A7A76-7827-4036-8D87-953AD64E610C}" srcOrd="0" destOrd="0" parTransId="{54CA4E9F-D8C4-466D-8D7E-7D71F97A4B3B}" sibTransId="{A818D161-7DE1-4358-9EA0-3BF9BAB6A37B}"/>
    <dgm:cxn modelId="{0270D4EE-9462-486D-88F4-ADD5A75723D1}" srcId="{F0E685B2-7B81-4690-B98E-64FCFAB7604B}" destId="{853A545C-99B2-4CE3-9592-D9ABA2F742E2}" srcOrd="2" destOrd="0" parTransId="{C7FA28BC-1A75-460B-9F96-0D63A357205F}" sibTransId="{2308A13A-D7AF-4F99-A9ED-91AECDFC2274}"/>
    <dgm:cxn modelId="{147B492B-163B-4714-9D97-9C2F3C78ABAD}" type="presParOf" srcId="{8474B359-02B4-4118-A66C-8350FD7E4A0B}" destId="{B39247B3-AA5E-4001-9483-31530B944612}" srcOrd="0" destOrd="0" presId="urn:microsoft.com/office/officeart/2008/layout/IncreasingCircleProcess"/>
    <dgm:cxn modelId="{4D6260B5-3593-48EB-959D-E9F5F5EB4846}" type="presParOf" srcId="{B39247B3-AA5E-4001-9483-31530B944612}" destId="{AED4F3A6-6A41-49A1-BDD8-7667B615267B}" srcOrd="0" destOrd="0" presId="urn:microsoft.com/office/officeart/2008/layout/IncreasingCircleProcess"/>
    <dgm:cxn modelId="{7AA30335-DAC8-4BD4-87D5-8A45D668E8C9}" type="presParOf" srcId="{B39247B3-AA5E-4001-9483-31530B944612}" destId="{630691BD-75AF-44BD-8A68-6FF8D23ABD82}" srcOrd="1" destOrd="0" presId="urn:microsoft.com/office/officeart/2008/layout/IncreasingCircleProcess"/>
    <dgm:cxn modelId="{7C85BBDF-9F8B-4E9F-9FFB-27F73BF0E781}" type="presParOf" srcId="{B39247B3-AA5E-4001-9483-31530B944612}" destId="{5C9BCECD-3112-4107-9E4C-D63B85C4E451}" srcOrd="2" destOrd="0" presId="urn:microsoft.com/office/officeart/2008/layout/IncreasingCircleProcess"/>
    <dgm:cxn modelId="{92A02825-466E-42D6-8E89-0AC49434E617}" type="presParOf" srcId="{B39247B3-AA5E-4001-9483-31530B944612}" destId="{16C1C60B-8ACF-401F-AA09-A60CEADF874D}" srcOrd="3" destOrd="0" presId="urn:microsoft.com/office/officeart/2008/layout/IncreasingCircleProcess"/>
    <dgm:cxn modelId="{D3320249-23CA-408B-A2B5-A2CFC093B139}" type="presParOf" srcId="{8474B359-02B4-4118-A66C-8350FD7E4A0B}" destId="{912C5B8D-B611-42E3-BEF7-CFD239A1D1E3}" srcOrd="1" destOrd="0" presId="urn:microsoft.com/office/officeart/2008/layout/IncreasingCircleProcess"/>
    <dgm:cxn modelId="{FCAD974A-7752-48A9-B5B7-BCADD60EA613}" type="presParOf" srcId="{8474B359-02B4-4118-A66C-8350FD7E4A0B}" destId="{19A244DD-52E9-40F2-9884-623B9B7ADF9C}" srcOrd="2" destOrd="0" presId="urn:microsoft.com/office/officeart/2008/layout/IncreasingCircleProcess"/>
    <dgm:cxn modelId="{AD4B0DE9-FD6E-4E5A-8055-9839B2A0BB7B}" type="presParOf" srcId="{19A244DD-52E9-40F2-9884-623B9B7ADF9C}" destId="{1D1F4787-C75A-4E96-9930-D1B3FDC1A422}" srcOrd="0" destOrd="0" presId="urn:microsoft.com/office/officeart/2008/layout/IncreasingCircleProcess"/>
    <dgm:cxn modelId="{11FEFB4D-3C4C-4D42-97B9-45DE34C78583}" type="presParOf" srcId="{19A244DD-52E9-40F2-9884-623B9B7ADF9C}" destId="{9CEC152E-37E1-494D-AFA9-FA137EC4E0FC}" srcOrd="1" destOrd="0" presId="urn:microsoft.com/office/officeart/2008/layout/IncreasingCircleProcess"/>
    <dgm:cxn modelId="{0FFDB580-A945-4456-B210-2BD517830C70}" type="presParOf" srcId="{19A244DD-52E9-40F2-9884-623B9B7ADF9C}" destId="{1A8AA4D2-4AE2-4423-862B-100883B6CD7C}" srcOrd="2" destOrd="0" presId="urn:microsoft.com/office/officeart/2008/layout/IncreasingCircleProcess"/>
    <dgm:cxn modelId="{C62FBCB3-179D-4FE7-818D-40F769B130E8}" type="presParOf" srcId="{19A244DD-52E9-40F2-9884-623B9B7ADF9C}" destId="{CD40B2F4-B65E-4489-A0E1-0CC4915ED9CA}" srcOrd="3" destOrd="0" presId="urn:microsoft.com/office/officeart/2008/layout/IncreasingCircleProcess"/>
    <dgm:cxn modelId="{81517431-0098-498D-9A59-BAA82A0185FC}" type="presParOf" srcId="{8474B359-02B4-4118-A66C-8350FD7E4A0B}" destId="{11A8E8D2-566E-49E3-8751-27EB2711DA4B}" srcOrd="3" destOrd="0" presId="urn:microsoft.com/office/officeart/2008/layout/IncreasingCircleProcess"/>
    <dgm:cxn modelId="{65D663EE-1521-4C79-93DC-F4001789B8B1}" type="presParOf" srcId="{8474B359-02B4-4118-A66C-8350FD7E4A0B}" destId="{6A6C33AF-941B-49D3-9B25-47C58A1D512A}" srcOrd="4" destOrd="0" presId="urn:microsoft.com/office/officeart/2008/layout/IncreasingCircleProcess"/>
    <dgm:cxn modelId="{3F89FB97-41D0-4EB3-AD86-CFDE867EC4CA}" type="presParOf" srcId="{6A6C33AF-941B-49D3-9B25-47C58A1D512A}" destId="{3547D94A-1638-46D7-8E01-1A59D5D7E87F}" srcOrd="0" destOrd="0" presId="urn:microsoft.com/office/officeart/2008/layout/IncreasingCircleProcess"/>
    <dgm:cxn modelId="{5E030052-EC82-4C60-A444-63C33B1EC375}" type="presParOf" srcId="{6A6C33AF-941B-49D3-9B25-47C58A1D512A}" destId="{4877C8DB-7601-4161-9816-8AAA6237A40B}" srcOrd="1" destOrd="0" presId="urn:microsoft.com/office/officeart/2008/layout/IncreasingCircleProcess"/>
    <dgm:cxn modelId="{1CC7B337-B084-47AD-89B9-D11BDA09790D}" type="presParOf" srcId="{6A6C33AF-941B-49D3-9B25-47C58A1D512A}" destId="{FF1A4395-B6C8-4D82-B759-554A0017F513}" srcOrd="2" destOrd="0" presId="urn:microsoft.com/office/officeart/2008/layout/IncreasingCircleProcess"/>
    <dgm:cxn modelId="{5AC66B87-DAC3-4615-BA24-4CE72AF53243}" type="presParOf" srcId="{6A6C33AF-941B-49D3-9B25-47C58A1D512A}" destId="{B3005364-2C9A-4E0F-B004-D33BF60A8EFC}" srcOrd="3" destOrd="0" presId="urn:microsoft.com/office/officeart/2008/layout/IncreasingCircleProcess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5EC1B8-8918-4185-A56C-6258AC65CDB5}">
      <dsp:nvSpPr>
        <dsp:cNvPr id="0" name=""/>
        <dsp:cNvSpPr/>
      </dsp:nvSpPr>
      <dsp:spPr>
        <a:xfrm rot="10800000">
          <a:off x="1555447" y="1417"/>
          <a:ext cx="5875556" cy="302056"/>
        </a:xfrm>
        <a:prstGeom prst="homePlat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SzPts val="1800"/>
            <a:buFont typeface="Inter"/>
            <a:buNone/>
          </a:pPr>
          <a:r>
            <a:rPr lang="en-US" sz="1200" b="1" kern="1200" dirty="0">
              <a:latin typeface="+mn-lt"/>
              <a:ea typeface="Inter"/>
              <a:cs typeface="Inter"/>
              <a:sym typeface="Inter"/>
            </a:rPr>
            <a:t>OVERVIEW </a:t>
          </a:r>
          <a:endParaRPr lang="en-US" sz="1100" b="1" kern="1200" dirty="0">
            <a:latin typeface="+mn-lt"/>
          </a:endParaRPr>
        </a:p>
      </dsp:txBody>
      <dsp:txXfrm rot="10800000">
        <a:off x="1630961" y="1417"/>
        <a:ext cx="5800042" cy="302056"/>
      </dsp:txXfrm>
    </dsp:sp>
    <dsp:sp modelId="{4E02F979-2247-4CDB-8D07-13DEAC12E78E}">
      <dsp:nvSpPr>
        <dsp:cNvPr id="0" name=""/>
        <dsp:cNvSpPr/>
      </dsp:nvSpPr>
      <dsp:spPr>
        <a:xfrm>
          <a:off x="1404419" y="1417"/>
          <a:ext cx="302056" cy="302056"/>
        </a:xfrm>
        <a:prstGeom prst="ellipse">
          <a:avLst/>
        </a:prstGeom>
        <a:solidFill>
          <a:schemeClr val="accent5"/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3419345F-B74F-49FC-96FA-E300257ADC86}">
      <dsp:nvSpPr>
        <dsp:cNvPr id="0" name=""/>
        <dsp:cNvSpPr/>
      </dsp:nvSpPr>
      <dsp:spPr>
        <a:xfrm rot="10800000">
          <a:off x="1555447" y="393640"/>
          <a:ext cx="5875556" cy="302056"/>
        </a:xfrm>
        <a:prstGeom prst="homePlat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latin typeface="+mn-lt"/>
            </a:rPr>
            <a:t>BACKGROUND</a:t>
          </a:r>
          <a:endParaRPr lang="en-US" sz="1100" b="1" kern="1200" dirty="0">
            <a:latin typeface="+mn-lt"/>
          </a:endParaRPr>
        </a:p>
      </dsp:txBody>
      <dsp:txXfrm rot="10800000">
        <a:off x="1630961" y="393640"/>
        <a:ext cx="5800042" cy="302056"/>
      </dsp:txXfrm>
    </dsp:sp>
    <dsp:sp modelId="{BD98CBCC-504D-4A34-8D66-58C55033282D}">
      <dsp:nvSpPr>
        <dsp:cNvPr id="0" name=""/>
        <dsp:cNvSpPr/>
      </dsp:nvSpPr>
      <dsp:spPr>
        <a:xfrm>
          <a:off x="1404419" y="393640"/>
          <a:ext cx="302056" cy="302056"/>
        </a:xfrm>
        <a:prstGeom prst="ellipse">
          <a:avLst/>
        </a:prstGeom>
        <a:solidFill>
          <a:schemeClr val="accent5"/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38ED6AE4-35A0-4133-8A37-88912635208C}">
      <dsp:nvSpPr>
        <dsp:cNvPr id="0" name=""/>
        <dsp:cNvSpPr/>
      </dsp:nvSpPr>
      <dsp:spPr>
        <a:xfrm rot="10800000">
          <a:off x="1555447" y="785863"/>
          <a:ext cx="5875556" cy="302056"/>
        </a:xfrm>
        <a:prstGeom prst="homePlat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latin typeface="+mn-lt"/>
            </a:rPr>
            <a:t>SWOT ANALYSIS</a:t>
          </a:r>
          <a:endParaRPr lang="en-US" sz="1100" b="1" kern="1200" dirty="0">
            <a:latin typeface="+mn-lt"/>
          </a:endParaRPr>
        </a:p>
      </dsp:txBody>
      <dsp:txXfrm rot="10800000">
        <a:off x="1630961" y="785863"/>
        <a:ext cx="5800042" cy="302056"/>
      </dsp:txXfrm>
    </dsp:sp>
    <dsp:sp modelId="{6493A364-58B3-40D9-9C25-166BF85D6AE7}">
      <dsp:nvSpPr>
        <dsp:cNvPr id="0" name=""/>
        <dsp:cNvSpPr/>
      </dsp:nvSpPr>
      <dsp:spPr>
        <a:xfrm>
          <a:off x="1404419" y="785863"/>
          <a:ext cx="302056" cy="302056"/>
        </a:xfrm>
        <a:prstGeom prst="ellipse">
          <a:avLst/>
        </a:prstGeom>
        <a:solidFill>
          <a:schemeClr val="accent5"/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3251B9-2140-4395-BB9B-16DD6B637A1E}">
      <dsp:nvSpPr>
        <dsp:cNvPr id="0" name=""/>
        <dsp:cNvSpPr/>
      </dsp:nvSpPr>
      <dsp:spPr>
        <a:xfrm rot="10800000">
          <a:off x="1555447" y="1178086"/>
          <a:ext cx="5875556" cy="302056"/>
        </a:xfrm>
        <a:prstGeom prst="homePlat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latin typeface="+mn-lt"/>
            </a:rPr>
            <a:t>PROBLEM STATEMENT</a:t>
          </a:r>
          <a:endParaRPr lang="en-US" sz="1100" b="1" kern="1200" dirty="0">
            <a:latin typeface="+mn-lt"/>
          </a:endParaRPr>
        </a:p>
      </dsp:txBody>
      <dsp:txXfrm rot="10800000">
        <a:off x="1630961" y="1178086"/>
        <a:ext cx="5800042" cy="302056"/>
      </dsp:txXfrm>
    </dsp:sp>
    <dsp:sp modelId="{1D18852A-11D2-407C-8B39-94F408CA6BAF}">
      <dsp:nvSpPr>
        <dsp:cNvPr id="0" name=""/>
        <dsp:cNvSpPr/>
      </dsp:nvSpPr>
      <dsp:spPr>
        <a:xfrm>
          <a:off x="1404419" y="1178086"/>
          <a:ext cx="302056" cy="302056"/>
        </a:xfrm>
        <a:prstGeom prst="ellipse">
          <a:avLst/>
        </a:prstGeom>
        <a:solidFill>
          <a:srgbClr val="0097A7"/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0EF5C65-097E-42A1-BC80-E032C89CE95C}">
      <dsp:nvSpPr>
        <dsp:cNvPr id="0" name=""/>
        <dsp:cNvSpPr/>
      </dsp:nvSpPr>
      <dsp:spPr>
        <a:xfrm rot="10800000">
          <a:off x="1607578" y="1589348"/>
          <a:ext cx="5806049" cy="263979"/>
        </a:xfrm>
        <a:prstGeom prst="homePlate">
          <a:avLst/>
        </a:prstGeom>
        <a:solidFill>
          <a:srgbClr val="0097A7">
            <a:hueOff val="0"/>
            <a:satOff val="0"/>
            <a:lumOff val="0"/>
            <a:alphaOff val="0"/>
          </a:srgbClr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rgbClr val="F8F6F3"/>
              </a:solidFill>
              <a:latin typeface="Arial"/>
              <a:ea typeface="+mn-ea"/>
              <a:cs typeface="+mn-cs"/>
            </a:rPr>
            <a:t>TYPE OF MACHINE LEARNING</a:t>
          </a:r>
        </a:p>
      </dsp:txBody>
      <dsp:txXfrm rot="10800000">
        <a:off x="1673573" y="1589348"/>
        <a:ext cx="5740054" cy="263979"/>
      </dsp:txXfrm>
    </dsp:sp>
    <dsp:sp modelId="{947827E3-0B4A-422A-A50A-373F8CBB8F88}">
      <dsp:nvSpPr>
        <dsp:cNvPr id="0" name=""/>
        <dsp:cNvSpPr/>
      </dsp:nvSpPr>
      <dsp:spPr>
        <a:xfrm>
          <a:off x="1421796" y="1570309"/>
          <a:ext cx="302056" cy="302056"/>
        </a:xfrm>
        <a:prstGeom prst="ellipse">
          <a:avLst/>
        </a:prstGeom>
        <a:solidFill>
          <a:srgbClr val="0097A7"/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78E3397-FDC1-4903-B803-066BE764CA7C}">
      <dsp:nvSpPr>
        <dsp:cNvPr id="0" name=""/>
        <dsp:cNvSpPr/>
      </dsp:nvSpPr>
      <dsp:spPr>
        <a:xfrm rot="10800000">
          <a:off x="1555447" y="1962532"/>
          <a:ext cx="5875556" cy="302056"/>
        </a:xfrm>
        <a:prstGeom prst="homePlate">
          <a:avLst/>
        </a:prstGeom>
        <a:solidFill>
          <a:srgbClr val="0097A7"/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rgbClr val="F8F6F3"/>
              </a:solidFill>
              <a:latin typeface="Arial"/>
              <a:ea typeface="+mn-ea"/>
              <a:cs typeface="+mn-cs"/>
            </a:rPr>
            <a:t>DATA COLLECTION</a:t>
          </a:r>
        </a:p>
      </dsp:txBody>
      <dsp:txXfrm rot="10800000">
        <a:off x="1630961" y="1962532"/>
        <a:ext cx="5800042" cy="302056"/>
      </dsp:txXfrm>
    </dsp:sp>
    <dsp:sp modelId="{C211AB59-6DB6-4BB7-B018-CFE21B92CF31}">
      <dsp:nvSpPr>
        <dsp:cNvPr id="0" name=""/>
        <dsp:cNvSpPr/>
      </dsp:nvSpPr>
      <dsp:spPr>
        <a:xfrm>
          <a:off x="1404419" y="1962532"/>
          <a:ext cx="302056" cy="302056"/>
        </a:xfrm>
        <a:prstGeom prst="ellipse">
          <a:avLst/>
        </a:prstGeom>
        <a:solidFill>
          <a:srgbClr val="0097A7"/>
        </a:solidFill>
        <a:ln w="38100" cap="flat" cmpd="sng" algn="ctr">
          <a:solidFill>
            <a:srgbClr val="F8F6F3">
              <a:hueOff val="0"/>
              <a:satOff val="0"/>
              <a:lumOff val="0"/>
              <a:alphaOff val="0"/>
            </a:srgb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73C64F2E-9C76-4951-B183-B82930C14F7E}">
      <dsp:nvSpPr>
        <dsp:cNvPr id="0" name=""/>
        <dsp:cNvSpPr/>
      </dsp:nvSpPr>
      <dsp:spPr>
        <a:xfrm rot="10800000">
          <a:off x="1555447" y="2354755"/>
          <a:ext cx="5875556" cy="302056"/>
        </a:xfrm>
        <a:prstGeom prst="homePlat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latin typeface="+mn-lt"/>
            </a:rPr>
            <a:t>METHODOLOGY</a:t>
          </a:r>
          <a:endParaRPr lang="en-US" sz="1100" b="1" kern="1200" dirty="0">
            <a:latin typeface="+mn-lt"/>
          </a:endParaRPr>
        </a:p>
      </dsp:txBody>
      <dsp:txXfrm rot="10800000">
        <a:off x="1630961" y="2354755"/>
        <a:ext cx="5800042" cy="302056"/>
      </dsp:txXfrm>
    </dsp:sp>
    <dsp:sp modelId="{626B3893-E297-42E3-BB64-C300B8A6FA60}">
      <dsp:nvSpPr>
        <dsp:cNvPr id="0" name=""/>
        <dsp:cNvSpPr/>
      </dsp:nvSpPr>
      <dsp:spPr>
        <a:xfrm>
          <a:off x="1404419" y="2354755"/>
          <a:ext cx="302056" cy="302056"/>
        </a:xfrm>
        <a:prstGeom prst="ellipse">
          <a:avLst/>
        </a:prstGeom>
        <a:solidFill>
          <a:schemeClr val="accent5"/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76519B7-A569-48E7-B4C5-4D6B13E3C704}">
      <dsp:nvSpPr>
        <dsp:cNvPr id="0" name=""/>
        <dsp:cNvSpPr/>
      </dsp:nvSpPr>
      <dsp:spPr>
        <a:xfrm rot="10800000">
          <a:off x="1555447" y="2746978"/>
          <a:ext cx="5875556" cy="302056"/>
        </a:xfrm>
        <a:prstGeom prst="homePlat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latin typeface="+mn-lt"/>
            </a:rPr>
            <a:t>DEPLOYMENT STRATEGIES, TIMELINE, CHALLENGES AND SOLUTIONS</a:t>
          </a:r>
          <a:endParaRPr lang="en-US" sz="1100" b="1" kern="1200" dirty="0">
            <a:latin typeface="+mn-lt"/>
          </a:endParaRPr>
        </a:p>
      </dsp:txBody>
      <dsp:txXfrm rot="10800000">
        <a:off x="1630961" y="2746978"/>
        <a:ext cx="5800042" cy="302056"/>
      </dsp:txXfrm>
    </dsp:sp>
    <dsp:sp modelId="{4E3D682C-B42E-451D-AEB0-F30CC12127CD}">
      <dsp:nvSpPr>
        <dsp:cNvPr id="0" name=""/>
        <dsp:cNvSpPr/>
      </dsp:nvSpPr>
      <dsp:spPr>
        <a:xfrm>
          <a:off x="1404419" y="2746978"/>
          <a:ext cx="302056" cy="302056"/>
        </a:xfrm>
        <a:prstGeom prst="ellipse">
          <a:avLst/>
        </a:prstGeom>
        <a:solidFill>
          <a:schemeClr val="accent5"/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E4D5DD1-18B8-46EE-98ED-840A17676B22}">
      <dsp:nvSpPr>
        <dsp:cNvPr id="0" name=""/>
        <dsp:cNvSpPr/>
      </dsp:nvSpPr>
      <dsp:spPr>
        <a:xfrm rot="10800000">
          <a:off x="1555447" y="3139201"/>
          <a:ext cx="5875556" cy="302056"/>
        </a:xfrm>
        <a:prstGeom prst="homePlat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latin typeface="+mn-lt"/>
            </a:rPr>
            <a:t>COST BENEFIT ANALYSIS</a:t>
          </a:r>
          <a:endParaRPr lang="en-US" sz="1100" b="1" kern="1200" dirty="0">
            <a:latin typeface="+mn-lt"/>
          </a:endParaRPr>
        </a:p>
      </dsp:txBody>
      <dsp:txXfrm rot="10800000">
        <a:off x="1630961" y="3139201"/>
        <a:ext cx="5800042" cy="302056"/>
      </dsp:txXfrm>
    </dsp:sp>
    <dsp:sp modelId="{5CA9E92F-7A87-4E1F-88AC-DD6F4E59C5E8}">
      <dsp:nvSpPr>
        <dsp:cNvPr id="0" name=""/>
        <dsp:cNvSpPr/>
      </dsp:nvSpPr>
      <dsp:spPr>
        <a:xfrm>
          <a:off x="1404419" y="3139201"/>
          <a:ext cx="302056" cy="302056"/>
        </a:xfrm>
        <a:prstGeom prst="ellipse">
          <a:avLst/>
        </a:prstGeom>
        <a:solidFill>
          <a:schemeClr val="accent5"/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CF20804A-26C6-47D0-ACA0-3C35D01E62A3}">
      <dsp:nvSpPr>
        <dsp:cNvPr id="0" name=""/>
        <dsp:cNvSpPr/>
      </dsp:nvSpPr>
      <dsp:spPr>
        <a:xfrm rot="10800000">
          <a:off x="1555447" y="3531424"/>
          <a:ext cx="5875556" cy="302056"/>
        </a:xfrm>
        <a:prstGeom prst="homePlat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latin typeface="+mn-lt"/>
            </a:rPr>
            <a:t>LIMITATIONS OF THE PROJECT</a:t>
          </a:r>
          <a:endParaRPr lang="en-US" sz="1100" b="1" kern="1200" dirty="0">
            <a:latin typeface="+mn-lt"/>
          </a:endParaRPr>
        </a:p>
      </dsp:txBody>
      <dsp:txXfrm rot="10800000">
        <a:off x="1630961" y="3531424"/>
        <a:ext cx="5800042" cy="302056"/>
      </dsp:txXfrm>
    </dsp:sp>
    <dsp:sp modelId="{B3355863-7338-454D-9E5E-D58CFEA93BE7}">
      <dsp:nvSpPr>
        <dsp:cNvPr id="0" name=""/>
        <dsp:cNvSpPr/>
      </dsp:nvSpPr>
      <dsp:spPr>
        <a:xfrm>
          <a:off x="1404419" y="3531424"/>
          <a:ext cx="302056" cy="302056"/>
        </a:xfrm>
        <a:prstGeom prst="ellipse">
          <a:avLst/>
        </a:prstGeom>
        <a:solidFill>
          <a:schemeClr val="accent5"/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2A402A8B-51B9-49CC-B3A9-42912ACBAF99}">
      <dsp:nvSpPr>
        <dsp:cNvPr id="0" name=""/>
        <dsp:cNvSpPr/>
      </dsp:nvSpPr>
      <dsp:spPr>
        <a:xfrm rot="10800000">
          <a:off x="1555447" y="3923647"/>
          <a:ext cx="5875556" cy="302056"/>
        </a:xfrm>
        <a:prstGeom prst="homePlat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3199" tIns="45720" rIns="85344" bIns="4572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>
              <a:latin typeface="+mn-lt"/>
            </a:rPr>
            <a:t>CONCLUSION</a:t>
          </a:r>
          <a:endParaRPr lang="en-US" sz="1100" b="1" kern="1200" dirty="0">
            <a:latin typeface="+mn-lt"/>
          </a:endParaRPr>
        </a:p>
      </dsp:txBody>
      <dsp:txXfrm rot="10800000">
        <a:off x="1630961" y="3923647"/>
        <a:ext cx="5800042" cy="302056"/>
      </dsp:txXfrm>
    </dsp:sp>
    <dsp:sp modelId="{A63D2F4C-B648-49F8-BE73-E8A287C6106E}">
      <dsp:nvSpPr>
        <dsp:cNvPr id="0" name=""/>
        <dsp:cNvSpPr/>
      </dsp:nvSpPr>
      <dsp:spPr>
        <a:xfrm>
          <a:off x="1404419" y="3923647"/>
          <a:ext cx="302056" cy="302056"/>
        </a:xfrm>
        <a:prstGeom prst="ellipse">
          <a:avLst/>
        </a:prstGeom>
        <a:solidFill>
          <a:schemeClr val="accent5"/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243198C-33EC-4A8B-8981-61C5F91D81C4}">
      <dsp:nvSpPr>
        <dsp:cNvPr id="0" name=""/>
        <dsp:cNvSpPr/>
      </dsp:nvSpPr>
      <dsp:spPr>
        <a:xfrm>
          <a:off x="0" y="1957"/>
          <a:ext cx="747595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58C013-8FB0-4D54-949B-31D68343E8A8}">
      <dsp:nvSpPr>
        <dsp:cNvPr id="0" name=""/>
        <dsp:cNvSpPr/>
      </dsp:nvSpPr>
      <dsp:spPr>
        <a:xfrm>
          <a:off x="0" y="1957"/>
          <a:ext cx="1495190" cy="133488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>
              <a:solidFill>
                <a:schemeClr val="bg2">
                  <a:lumMod val="50000"/>
                </a:schemeClr>
              </a:solidFill>
            </a:rPr>
            <a:t>Data Privacy and Security:</a:t>
          </a:r>
        </a:p>
      </dsp:txBody>
      <dsp:txXfrm>
        <a:off x="0" y="1957"/>
        <a:ext cx="1495190" cy="1334884"/>
      </dsp:txXfrm>
    </dsp:sp>
    <dsp:sp modelId="{89129566-3AD9-4ACA-B21D-A8E6C2E84DFF}">
      <dsp:nvSpPr>
        <dsp:cNvPr id="0" name=""/>
        <dsp:cNvSpPr/>
      </dsp:nvSpPr>
      <dsp:spPr>
        <a:xfrm>
          <a:off x="1607329" y="17649"/>
          <a:ext cx="5868620" cy="3138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chemeClr val="bg2">
                  <a:lumMod val="50000"/>
                </a:schemeClr>
              </a:solidFill>
            </a:rPr>
            <a:t>Ensuring privacy and security if external servers are used</a:t>
          </a:r>
        </a:p>
      </dsp:txBody>
      <dsp:txXfrm>
        <a:off x="1607329" y="17649"/>
        <a:ext cx="5868620" cy="313841"/>
      </dsp:txXfrm>
    </dsp:sp>
    <dsp:sp modelId="{68215DAF-BADD-4924-BECB-A80AA637EF17}">
      <dsp:nvSpPr>
        <dsp:cNvPr id="0" name=""/>
        <dsp:cNvSpPr/>
      </dsp:nvSpPr>
      <dsp:spPr>
        <a:xfrm>
          <a:off x="1495189" y="331490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6E4E127-9D85-4013-A7B0-15066F902F99}">
      <dsp:nvSpPr>
        <dsp:cNvPr id="0" name=""/>
        <dsp:cNvSpPr/>
      </dsp:nvSpPr>
      <dsp:spPr>
        <a:xfrm>
          <a:off x="1607329" y="347182"/>
          <a:ext cx="5868620" cy="3138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Implement robust security measures.</a:t>
          </a:r>
        </a:p>
      </dsp:txBody>
      <dsp:txXfrm>
        <a:off x="1607329" y="347182"/>
        <a:ext cx="5868620" cy="313841"/>
      </dsp:txXfrm>
    </dsp:sp>
    <dsp:sp modelId="{DA2C4988-3E54-4427-90B7-B0A7B175946D}">
      <dsp:nvSpPr>
        <dsp:cNvPr id="0" name=""/>
        <dsp:cNvSpPr/>
      </dsp:nvSpPr>
      <dsp:spPr>
        <a:xfrm>
          <a:off x="1495189" y="661023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534AE55-9720-4E9E-BA24-49966121A904}">
      <dsp:nvSpPr>
        <dsp:cNvPr id="0" name=""/>
        <dsp:cNvSpPr/>
      </dsp:nvSpPr>
      <dsp:spPr>
        <a:xfrm>
          <a:off x="1607329" y="676715"/>
          <a:ext cx="5868620" cy="3138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Encrypt sensitive data. </a:t>
          </a:r>
        </a:p>
      </dsp:txBody>
      <dsp:txXfrm>
        <a:off x="1607329" y="676715"/>
        <a:ext cx="5868620" cy="313841"/>
      </dsp:txXfrm>
    </dsp:sp>
    <dsp:sp modelId="{A84391EF-CD14-4E13-B89B-2B6732334D19}">
      <dsp:nvSpPr>
        <dsp:cNvPr id="0" name=""/>
        <dsp:cNvSpPr/>
      </dsp:nvSpPr>
      <dsp:spPr>
        <a:xfrm>
          <a:off x="1495189" y="990557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F0B0E69-BCE7-46FE-B163-1A10193CD7A2}">
      <dsp:nvSpPr>
        <dsp:cNvPr id="0" name=""/>
        <dsp:cNvSpPr/>
      </dsp:nvSpPr>
      <dsp:spPr>
        <a:xfrm>
          <a:off x="1607329" y="1006249"/>
          <a:ext cx="5868620" cy="3138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Adhere to relevant compliance standards.</a:t>
          </a:r>
        </a:p>
      </dsp:txBody>
      <dsp:txXfrm>
        <a:off x="1607329" y="1006249"/>
        <a:ext cx="5868620" cy="313841"/>
      </dsp:txXfrm>
    </dsp:sp>
    <dsp:sp modelId="{6DEDB5BA-AEAE-4600-8973-F4C164C2945E}">
      <dsp:nvSpPr>
        <dsp:cNvPr id="0" name=""/>
        <dsp:cNvSpPr/>
      </dsp:nvSpPr>
      <dsp:spPr>
        <a:xfrm>
          <a:off x="1495189" y="1320090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AD9F6F9-9F43-4508-BFF5-E946F527C0A2}">
      <dsp:nvSpPr>
        <dsp:cNvPr id="0" name=""/>
        <dsp:cNvSpPr/>
      </dsp:nvSpPr>
      <dsp:spPr>
        <a:xfrm>
          <a:off x="0" y="1336841"/>
          <a:ext cx="747595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A0D1DD9-B546-4959-B28B-445F14663997}">
      <dsp:nvSpPr>
        <dsp:cNvPr id="0" name=""/>
        <dsp:cNvSpPr/>
      </dsp:nvSpPr>
      <dsp:spPr>
        <a:xfrm>
          <a:off x="0" y="1336841"/>
          <a:ext cx="1495190" cy="133488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>
              <a:solidFill>
                <a:schemeClr val="bg2">
                  <a:lumMod val="50000"/>
                </a:schemeClr>
              </a:solidFill>
            </a:rPr>
            <a:t>Monitoring and Maintenance:</a:t>
          </a:r>
        </a:p>
      </dsp:txBody>
      <dsp:txXfrm>
        <a:off x="0" y="1336841"/>
        <a:ext cx="1495190" cy="1334884"/>
      </dsp:txXfrm>
    </dsp:sp>
    <dsp:sp modelId="{512A7714-A849-4335-AE1A-7EDABD065CC1}">
      <dsp:nvSpPr>
        <dsp:cNvPr id="0" name=""/>
        <dsp:cNvSpPr/>
      </dsp:nvSpPr>
      <dsp:spPr>
        <a:xfrm>
          <a:off x="1607329" y="1352533"/>
          <a:ext cx="5868620" cy="3138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>
              <a:solidFill>
                <a:schemeClr val="bg2">
                  <a:lumMod val="50000"/>
                </a:schemeClr>
              </a:solidFill>
            </a:rPr>
            <a:t>Continuous monitoring and maintenance for ongoing model performance.</a:t>
          </a:r>
          <a:endParaRPr lang="en-US" sz="12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1607329" y="1352533"/>
        <a:ext cx="5868620" cy="313841"/>
      </dsp:txXfrm>
    </dsp:sp>
    <dsp:sp modelId="{02C39B0D-9676-42F6-862D-060B33527107}">
      <dsp:nvSpPr>
        <dsp:cNvPr id="0" name=""/>
        <dsp:cNvSpPr/>
      </dsp:nvSpPr>
      <dsp:spPr>
        <a:xfrm>
          <a:off x="1495189" y="1666375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A5E218-15D8-4376-BA02-BCA10382F531}">
      <dsp:nvSpPr>
        <dsp:cNvPr id="0" name=""/>
        <dsp:cNvSpPr/>
      </dsp:nvSpPr>
      <dsp:spPr>
        <a:xfrm>
          <a:off x="1607329" y="1682067"/>
          <a:ext cx="5868620" cy="3138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Design and implement monitoring tools. </a:t>
          </a:r>
        </a:p>
      </dsp:txBody>
      <dsp:txXfrm>
        <a:off x="1607329" y="1682067"/>
        <a:ext cx="5868620" cy="313841"/>
      </dsp:txXfrm>
    </dsp:sp>
    <dsp:sp modelId="{12878C93-C38B-4B83-9EF5-545F7E2A11C4}">
      <dsp:nvSpPr>
        <dsp:cNvPr id="0" name=""/>
        <dsp:cNvSpPr/>
      </dsp:nvSpPr>
      <dsp:spPr>
        <a:xfrm>
          <a:off x="1495189" y="1995908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9355FCA-E3F3-4809-B1D4-E839D684D93C}">
      <dsp:nvSpPr>
        <dsp:cNvPr id="0" name=""/>
        <dsp:cNvSpPr/>
      </dsp:nvSpPr>
      <dsp:spPr>
        <a:xfrm>
          <a:off x="1607329" y="2011600"/>
          <a:ext cx="5868620" cy="3138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Set up alerts for deviations. </a:t>
          </a:r>
        </a:p>
      </dsp:txBody>
      <dsp:txXfrm>
        <a:off x="1607329" y="2011600"/>
        <a:ext cx="5868620" cy="313841"/>
      </dsp:txXfrm>
    </dsp:sp>
    <dsp:sp modelId="{5366222D-82C3-4614-AF63-2E9D104E1D4E}">
      <dsp:nvSpPr>
        <dsp:cNvPr id="0" name=""/>
        <dsp:cNvSpPr/>
      </dsp:nvSpPr>
      <dsp:spPr>
        <a:xfrm>
          <a:off x="1495189" y="2325441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17FBB95-421E-4B67-A8F0-E9DCF7552194}">
      <dsp:nvSpPr>
        <dsp:cNvPr id="0" name=""/>
        <dsp:cNvSpPr/>
      </dsp:nvSpPr>
      <dsp:spPr>
        <a:xfrm>
          <a:off x="1607329" y="2341133"/>
          <a:ext cx="5868620" cy="3138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Establish a regular maintenance schedule for model updates and retraining.</a:t>
          </a:r>
        </a:p>
      </dsp:txBody>
      <dsp:txXfrm>
        <a:off x="1607329" y="2341133"/>
        <a:ext cx="5868620" cy="313841"/>
      </dsp:txXfrm>
    </dsp:sp>
    <dsp:sp modelId="{4EF2CD2D-2D50-451C-A7FF-04AA42B0DDD4}">
      <dsp:nvSpPr>
        <dsp:cNvPr id="0" name=""/>
        <dsp:cNvSpPr/>
      </dsp:nvSpPr>
      <dsp:spPr>
        <a:xfrm>
          <a:off x="1495189" y="2654974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A455798-F2EF-49FA-8C3B-D1F1CE4F76AF}">
      <dsp:nvSpPr>
        <dsp:cNvPr id="0" name=""/>
        <dsp:cNvSpPr/>
      </dsp:nvSpPr>
      <dsp:spPr>
        <a:xfrm>
          <a:off x="0" y="2671726"/>
          <a:ext cx="747595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567C2B2-FAE3-440B-8E62-90199E545227}">
      <dsp:nvSpPr>
        <dsp:cNvPr id="0" name=""/>
        <dsp:cNvSpPr/>
      </dsp:nvSpPr>
      <dsp:spPr>
        <a:xfrm>
          <a:off x="0" y="2671726"/>
          <a:ext cx="1495190" cy="133488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0" lvl="0" indent="0" algn="l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>
              <a:solidFill>
                <a:schemeClr val="bg2">
                  <a:lumMod val="50000"/>
                </a:schemeClr>
              </a:solidFill>
            </a:rPr>
            <a:t>Human-in-the-Loop Considerations:</a:t>
          </a:r>
        </a:p>
      </dsp:txBody>
      <dsp:txXfrm>
        <a:off x="0" y="2671726"/>
        <a:ext cx="1495190" cy="1334884"/>
      </dsp:txXfrm>
    </dsp:sp>
    <dsp:sp modelId="{D325D1CC-A8E1-44AE-A148-479E636CB18D}">
      <dsp:nvSpPr>
        <dsp:cNvPr id="0" name=""/>
        <dsp:cNvSpPr/>
      </dsp:nvSpPr>
      <dsp:spPr>
        <a:xfrm>
          <a:off x="1607329" y="2684305"/>
          <a:ext cx="5868620" cy="25159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chemeClr val="bg2">
                  <a:lumMod val="50000"/>
                </a:schemeClr>
              </a:solidFill>
            </a:rPr>
            <a:t>Promoting Human-AI collaboration.</a:t>
          </a:r>
        </a:p>
      </dsp:txBody>
      <dsp:txXfrm>
        <a:off x="1607329" y="2684305"/>
        <a:ext cx="5868620" cy="251594"/>
      </dsp:txXfrm>
    </dsp:sp>
    <dsp:sp modelId="{527B4C5D-4F07-4369-9559-C34A202BC165}">
      <dsp:nvSpPr>
        <dsp:cNvPr id="0" name=""/>
        <dsp:cNvSpPr/>
      </dsp:nvSpPr>
      <dsp:spPr>
        <a:xfrm>
          <a:off x="1495189" y="2935900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0C32BA8-6CBA-4AD6-889E-2743B81B80D7}">
      <dsp:nvSpPr>
        <dsp:cNvPr id="0" name=""/>
        <dsp:cNvSpPr/>
      </dsp:nvSpPr>
      <dsp:spPr>
        <a:xfrm>
          <a:off x="1607329" y="2948480"/>
          <a:ext cx="5868620" cy="25159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Implement mechanisms for human-in-the-loop interventions. </a:t>
          </a:r>
        </a:p>
      </dsp:txBody>
      <dsp:txXfrm>
        <a:off x="1607329" y="2948480"/>
        <a:ext cx="5868620" cy="251594"/>
      </dsp:txXfrm>
    </dsp:sp>
    <dsp:sp modelId="{6D3B636A-6537-4A22-A0F4-5A280CFC9717}">
      <dsp:nvSpPr>
        <dsp:cNvPr id="0" name=""/>
        <dsp:cNvSpPr/>
      </dsp:nvSpPr>
      <dsp:spPr>
        <a:xfrm>
          <a:off x="1495189" y="3200074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3B1659-5D53-4B3A-ABBB-1DC6C6A6CAEC}">
      <dsp:nvSpPr>
        <dsp:cNvPr id="0" name=""/>
        <dsp:cNvSpPr/>
      </dsp:nvSpPr>
      <dsp:spPr>
        <a:xfrm>
          <a:off x="1607329" y="3212654"/>
          <a:ext cx="5868620" cy="25159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Establish feedback loops for continuous improvement. </a:t>
          </a:r>
        </a:p>
      </dsp:txBody>
      <dsp:txXfrm>
        <a:off x="1607329" y="3212654"/>
        <a:ext cx="5868620" cy="251594"/>
      </dsp:txXfrm>
    </dsp:sp>
    <dsp:sp modelId="{D19E7E92-5731-48D4-9714-0CFE037FAAD6}">
      <dsp:nvSpPr>
        <dsp:cNvPr id="0" name=""/>
        <dsp:cNvSpPr/>
      </dsp:nvSpPr>
      <dsp:spPr>
        <a:xfrm>
          <a:off x="1495189" y="3464248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A8C9150-0B12-4700-95A0-7741D879ECF4}">
      <dsp:nvSpPr>
        <dsp:cNvPr id="0" name=""/>
        <dsp:cNvSpPr/>
      </dsp:nvSpPr>
      <dsp:spPr>
        <a:xfrm>
          <a:off x="1607329" y="3476828"/>
          <a:ext cx="5868620" cy="25159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Design user interfaces for easy model intervention when necessary.</a:t>
          </a:r>
        </a:p>
      </dsp:txBody>
      <dsp:txXfrm>
        <a:off x="1607329" y="3476828"/>
        <a:ext cx="5868620" cy="251594"/>
      </dsp:txXfrm>
    </dsp:sp>
    <dsp:sp modelId="{A53B5702-8360-481D-89C8-F7F5DC539E9F}">
      <dsp:nvSpPr>
        <dsp:cNvPr id="0" name=""/>
        <dsp:cNvSpPr/>
      </dsp:nvSpPr>
      <dsp:spPr>
        <a:xfrm>
          <a:off x="1495189" y="3728422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A1DD86C-8C0D-4E8D-B815-1032F9BDEB02}">
      <dsp:nvSpPr>
        <dsp:cNvPr id="0" name=""/>
        <dsp:cNvSpPr/>
      </dsp:nvSpPr>
      <dsp:spPr>
        <a:xfrm>
          <a:off x="1607329" y="3741002"/>
          <a:ext cx="5868620" cy="25159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0" lvl="0" indent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200" kern="1200" dirty="0">
              <a:solidFill>
                <a:schemeClr val="bg2">
                  <a:lumMod val="50000"/>
                </a:schemeClr>
              </a:solidFill>
            </a:rPr>
            <a:t>Inspector Training on data quality, use and interpretation of  the model.</a:t>
          </a:r>
        </a:p>
      </dsp:txBody>
      <dsp:txXfrm>
        <a:off x="1607329" y="3741002"/>
        <a:ext cx="5868620" cy="251594"/>
      </dsp:txXfrm>
    </dsp:sp>
    <dsp:sp modelId="{3FAAD652-D2A0-4A73-A2A1-62B0BBCEF917}">
      <dsp:nvSpPr>
        <dsp:cNvPr id="0" name=""/>
        <dsp:cNvSpPr/>
      </dsp:nvSpPr>
      <dsp:spPr>
        <a:xfrm>
          <a:off x="1495189" y="3992597"/>
          <a:ext cx="5980760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tint val="5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5E68749-7EEF-455B-BCE9-3364BD762DE3}">
      <dsp:nvSpPr>
        <dsp:cNvPr id="0" name=""/>
        <dsp:cNvSpPr/>
      </dsp:nvSpPr>
      <dsp:spPr>
        <a:xfrm>
          <a:off x="0" y="256218"/>
          <a:ext cx="7827819" cy="675675"/>
        </a:xfrm>
        <a:prstGeom prst="rect">
          <a:avLst/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7526" tIns="270764" rIns="607526" bIns="78232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Class Imbalance:</a:t>
          </a:r>
          <a:r>
            <a:rPr lang="en-US" sz="1100" b="0" kern="1200" dirty="0">
              <a:solidFill>
                <a:schemeClr val="bg2">
                  <a:lumMod val="50000"/>
                </a:schemeClr>
              </a:solidFill>
            </a:rPr>
            <a:t> few fraud cases for some infraction types.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Interpretation of the infraction types </a:t>
          </a:r>
          <a:r>
            <a:rPr lang="en-US" sz="1100" kern="1200" dirty="0">
              <a:solidFill>
                <a:schemeClr val="bg2">
                  <a:lumMod val="50000"/>
                </a:schemeClr>
              </a:solidFill>
            </a:rPr>
            <a:t>during the data entry of a inspection result.</a:t>
          </a:r>
        </a:p>
      </dsp:txBody>
      <dsp:txXfrm>
        <a:off x="0" y="256218"/>
        <a:ext cx="7827819" cy="675675"/>
      </dsp:txXfrm>
    </dsp:sp>
    <dsp:sp modelId="{ACC34C16-A96A-4202-99B9-76722E2FAA08}">
      <dsp:nvSpPr>
        <dsp:cNvPr id="0" name=""/>
        <dsp:cNvSpPr/>
      </dsp:nvSpPr>
      <dsp:spPr>
        <a:xfrm>
          <a:off x="391390" y="64338"/>
          <a:ext cx="5479473" cy="38376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07111" tIns="0" rIns="207111" bIns="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chemeClr val="bg2">
                  <a:lumMod val="50000"/>
                </a:schemeClr>
              </a:solidFill>
            </a:rPr>
            <a:t>Multiclass Fraud Detection</a:t>
          </a:r>
          <a:endParaRPr lang="en-US" sz="120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410124" y="83072"/>
        <a:ext cx="5442005" cy="346292"/>
      </dsp:txXfrm>
    </dsp:sp>
    <dsp:sp modelId="{08DBC424-4BC4-4465-9221-A23AEE3D3530}">
      <dsp:nvSpPr>
        <dsp:cNvPr id="0" name=""/>
        <dsp:cNvSpPr/>
      </dsp:nvSpPr>
      <dsp:spPr>
        <a:xfrm>
          <a:off x="0" y="1193973"/>
          <a:ext cx="7827819" cy="644962"/>
        </a:xfrm>
        <a:prstGeom prst="rect">
          <a:avLst/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7526" tIns="270764" rIns="607526" bIns="78232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Seasonal Variations:</a:t>
          </a:r>
          <a:r>
            <a:rPr lang="en-US" sz="1100" kern="1200" dirty="0">
              <a:solidFill>
                <a:schemeClr val="bg2">
                  <a:lumMod val="50000"/>
                </a:schemeClr>
              </a:solidFill>
            </a:rPr>
            <a:t> Fraud patterns may vary seasonally or due to external factors, and the model is not account for such variations.</a:t>
          </a:r>
        </a:p>
      </dsp:txBody>
      <dsp:txXfrm>
        <a:off x="0" y="1193973"/>
        <a:ext cx="7827819" cy="644962"/>
      </dsp:txXfrm>
    </dsp:sp>
    <dsp:sp modelId="{3927B4E5-4921-414E-9C20-426C058F1CDD}">
      <dsp:nvSpPr>
        <dsp:cNvPr id="0" name=""/>
        <dsp:cNvSpPr/>
      </dsp:nvSpPr>
      <dsp:spPr>
        <a:xfrm>
          <a:off x="391390" y="1002093"/>
          <a:ext cx="5479473" cy="38376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07111" tIns="0" rIns="207111" bIns="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chemeClr val="bg2">
                  <a:lumMod val="50000"/>
                </a:schemeClr>
              </a:solidFill>
            </a:rPr>
            <a:t>Dynamic Nature of Fraud Patterns</a:t>
          </a:r>
          <a:endParaRPr lang="en-US" sz="120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410124" y="1020827"/>
        <a:ext cx="5442005" cy="346292"/>
      </dsp:txXfrm>
    </dsp:sp>
    <dsp:sp modelId="{F599E6FF-AB21-49F5-AA11-DD6B94747286}">
      <dsp:nvSpPr>
        <dsp:cNvPr id="0" name=""/>
        <dsp:cNvSpPr/>
      </dsp:nvSpPr>
      <dsp:spPr>
        <a:xfrm>
          <a:off x="0" y="2101016"/>
          <a:ext cx="7827819" cy="819000"/>
        </a:xfrm>
        <a:prstGeom prst="rect">
          <a:avLst/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7526" tIns="270764" rIns="607526" bIns="78232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Legal Implications: </a:t>
          </a:r>
          <a:r>
            <a:rPr lang="en-US" sz="1100" b="0" kern="1200" dirty="0">
              <a:solidFill>
                <a:schemeClr val="bg2">
                  <a:lumMod val="50000"/>
                </a:schemeClr>
              </a:solidFill>
            </a:rPr>
            <a:t>No legal or regulatory changes were consider so far.</a:t>
          </a:r>
          <a:endParaRPr lang="en-US" sz="1100" kern="1200" dirty="0">
            <a:solidFill>
              <a:schemeClr val="bg2">
                <a:lumMod val="50000"/>
              </a:schemeClr>
            </a:solidFill>
          </a:endParaRP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Privacy Issues: </a:t>
          </a:r>
          <a:r>
            <a:rPr lang="en-US" sz="1100" kern="1200" dirty="0">
              <a:solidFill>
                <a:schemeClr val="bg2">
                  <a:lumMod val="50000"/>
                </a:schemeClr>
              </a:solidFill>
            </a:rPr>
            <a:t>The use of AI in cargo inspection raises serious privacy concerns, if external servers are used in the deployment stages.</a:t>
          </a:r>
          <a:endParaRPr lang="en-US" sz="1100" b="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0" y="2101016"/>
        <a:ext cx="7827819" cy="819000"/>
      </dsp:txXfrm>
    </dsp:sp>
    <dsp:sp modelId="{B7A9DA6D-7A3E-4A07-8BE5-7B57365B6F99}">
      <dsp:nvSpPr>
        <dsp:cNvPr id="0" name=""/>
        <dsp:cNvSpPr/>
      </dsp:nvSpPr>
      <dsp:spPr>
        <a:xfrm>
          <a:off x="391390" y="1909136"/>
          <a:ext cx="5479473" cy="38376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07111" tIns="0" rIns="207111" bIns="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chemeClr val="bg2">
                  <a:lumMod val="50000"/>
                </a:schemeClr>
              </a:solidFill>
            </a:rPr>
            <a:t>Legal and Ethical Concerns</a:t>
          </a:r>
          <a:endParaRPr lang="en-US" sz="120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410124" y="1927870"/>
        <a:ext cx="5442005" cy="346292"/>
      </dsp:txXfrm>
    </dsp:sp>
    <dsp:sp modelId="{898CDC04-6DDB-48B4-888C-2DB264777562}">
      <dsp:nvSpPr>
        <dsp:cNvPr id="0" name=""/>
        <dsp:cNvSpPr/>
      </dsp:nvSpPr>
      <dsp:spPr>
        <a:xfrm>
          <a:off x="0" y="3182096"/>
          <a:ext cx="7827819" cy="962325"/>
        </a:xfrm>
        <a:prstGeom prst="rect">
          <a:avLst/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7526" tIns="270764" rIns="607526" bIns="78232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Skill Intensive:</a:t>
          </a:r>
          <a:r>
            <a:rPr lang="en-US" sz="1100" kern="1200" dirty="0">
              <a:solidFill>
                <a:schemeClr val="bg2">
                  <a:lumMod val="50000"/>
                </a:schemeClr>
              </a:solidFill>
            </a:rPr>
            <a:t> Personnel knowledgeable in Data Analytics are required or external staff should be recruited.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Cost of False Positives:</a:t>
          </a:r>
          <a:r>
            <a:rPr lang="en-US" sz="1100" kern="1200" dirty="0">
              <a:solidFill>
                <a:schemeClr val="bg2">
                  <a:lumMod val="50000"/>
                </a:schemeClr>
              </a:solidFill>
            </a:rPr>
            <a:t> The cost of investigating and resolving false positives may be high, impacting the overall cost-effectiveness of the model.</a:t>
          </a:r>
        </a:p>
      </dsp:txBody>
      <dsp:txXfrm>
        <a:off x="0" y="3182096"/>
        <a:ext cx="7827819" cy="962325"/>
      </dsp:txXfrm>
    </dsp:sp>
    <dsp:sp modelId="{B02022B2-16B9-477C-A904-526E49BC838C}">
      <dsp:nvSpPr>
        <dsp:cNvPr id="0" name=""/>
        <dsp:cNvSpPr/>
      </dsp:nvSpPr>
      <dsp:spPr>
        <a:xfrm>
          <a:off x="391390" y="2990216"/>
          <a:ext cx="5479473" cy="38376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07111" tIns="0" rIns="207111" bIns="0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chemeClr val="bg2">
                  <a:lumMod val="50000"/>
                </a:schemeClr>
              </a:solidFill>
            </a:rPr>
            <a:t>Costs and Resource Requirements</a:t>
          </a:r>
          <a:endParaRPr lang="en-US" sz="120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410124" y="3008950"/>
        <a:ext cx="5442005" cy="34629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38102CD-4E56-4A3B-B5F2-C0D39D3F5150}">
      <dsp:nvSpPr>
        <dsp:cNvPr id="0" name=""/>
        <dsp:cNvSpPr/>
      </dsp:nvSpPr>
      <dsp:spPr>
        <a:xfrm>
          <a:off x="0" y="259039"/>
          <a:ext cx="8307511" cy="187425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4755" tIns="354076" rIns="644755" bIns="99568" numCol="1" spcCol="1270" anchor="t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Enhance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Customs fraud detection</a:t>
          </a:r>
          <a:r>
            <a:rPr lang="en-US" sz="1400" b="1" i="0" kern="1200" dirty="0">
              <a:solidFill>
                <a:schemeClr val="bg2">
                  <a:lumMod val="50000"/>
                </a:schemeClr>
              </a:solidFill>
            </a:rPr>
            <a:t> </a:t>
          </a: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by developing an 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AI-based Risk Cargo Selectivity Algorithm;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endParaRPr lang="en-US" sz="1400" kern="1200" dirty="0">
            <a:solidFill>
              <a:schemeClr val="bg2">
                <a:lumMod val="50000"/>
              </a:schemeClr>
            </a:solidFill>
          </a:endParaRP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Integrate a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data-driven approac</a:t>
          </a:r>
          <a:r>
            <a:rPr lang="en-US" sz="1400" b="1" i="0" kern="1200" dirty="0">
              <a:solidFill>
                <a:schemeClr val="bg2">
                  <a:lumMod val="50000"/>
                </a:schemeClr>
              </a:solidFill>
            </a:rPr>
            <a:t>h </a:t>
          </a: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to the current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Risk Management System (RMS);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endParaRPr lang="en-US" sz="1400" b="0" i="0" kern="1200" dirty="0">
            <a:solidFill>
              <a:schemeClr val="bg2">
                <a:lumMod val="50000"/>
              </a:schemeClr>
            </a:solidFill>
          </a:endParaRP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Provide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data-driven insights</a:t>
          </a: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 for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proactive fraud prevention </a:t>
          </a:r>
          <a:r>
            <a:rPr lang="en-US" sz="1400" b="0" i="1" kern="1200" dirty="0">
              <a:solidFill>
                <a:schemeClr val="bg2">
                  <a:lumMod val="50000"/>
                </a:schemeClr>
              </a:solidFill>
            </a:rPr>
            <a:t>and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resource allocation</a:t>
          </a: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.</a:t>
          </a:r>
        </a:p>
      </dsp:txBody>
      <dsp:txXfrm>
        <a:off x="0" y="259039"/>
        <a:ext cx="8307511" cy="1874250"/>
      </dsp:txXfrm>
    </dsp:sp>
    <dsp:sp modelId="{E390F710-EF4E-420D-9EDE-9168CFCA25FF}">
      <dsp:nvSpPr>
        <dsp:cNvPr id="0" name=""/>
        <dsp:cNvSpPr/>
      </dsp:nvSpPr>
      <dsp:spPr>
        <a:xfrm>
          <a:off x="415375" y="8119"/>
          <a:ext cx="5815257" cy="501840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19803" tIns="0" rIns="219803" bIns="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ym typeface="Inter"/>
            </a:rPr>
            <a:t>PROJECT OBJECTIVES</a:t>
          </a:r>
          <a:endParaRPr lang="en-US" sz="1600" b="1" kern="1200" dirty="0"/>
        </a:p>
      </dsp:txBody>
      <dsp:txXfrm>
        <a:off x="439873" y="32617"/>
        <a:ext cx="5766261" cy="452844"/>
      </dsp:txXfrm>
    </dsp:sp>
    <dsp:sp modelId="{83D5C9F1-0451-439E-A7CE-DDB826EEDCD2}">
      <dsp:nvSpPr>
        <dsp:cNvPr id="0" name=""/>
        <dsp:cNvSpPr/>
      </dsp:nvSpPr>
      <dsp:spPr>
        <a:xfrm>
          <a:off x="0" y="2476009"/>
          <a:ext cx="8307511" cy="1499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4755" tIns="354076" rIns="644755" bIns="99568" numCol="1" spcCol="1270" anchor="t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Overall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data quality </a:t>
          </a: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and risk-related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data availability;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None/>
          </a:pPr>
          <a:endParaRPr lang="en-US" sz="1400" i="1" kern="1200" dirty="0">
            <a:solidFill>
              <a:schemeClr val="bg2">
                <a:lumMod val="50000"/>
              </a:schemeClr>
            </a:solidFill>
          </a:endParaRP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Integration</a:t>
          </a:r>
          <a:r>
            <a:rPr lang="en-US" sz="1400" b="0" i="1" kern="1200" dirty="0">
              <a:solidFill>
                <a:schemeClr val="bg2">
                  <a:lumMod val="50000"/>
                </a:schemeClr>
              </a:solidFill>
            </a:rPr>
            <a:t> </a:t>
          </a: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challenges with </a:t>
          </a: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existing systems</a:t>
          </a:r>
          <a:r>
            <a:rPr lang="en-US" sz="1400" b="0" i="1" kern="1200" dirty="0">
              <a:solidFill>
                <a:schemeClr val="bg2">
                  <a:lumMod val="50000"/>
                </a:schemeClr>
              </a:solidFill>
            </a:rPr>
            <a:t>;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400" b="0" i="0" kern="1200" dirty="0">
            <a:solidFill>
              <a:schemeClr val="bg2">
                <a:lumMod val="50000"/>
              </a:schemeClr>
            </a:solidFill>
          </a:endParaRP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b="1" i="1" kern="1200" dirty="0">
              <a:solidFill>
                <a:schemeClr val="bg2">
                  <a:lumMod val="50000"/>
                </a:schemeClr>
              </a:solidFill>
            </a:rPr>
            <a:t>Explainability and transparency</a:t>
          </a:r>
          <a:r>
            <a:rPr lang="en-US" sz="1400" b="1" i="0" kern="1200" dirty="0">
              <a:solidFill>
                <a:schemeClr val="bg2">
                  <a:lumMod val="50000"/>
                </a:schemeClr>
              </a:solidFill>
            </a:rPr>
            <a:t> </a:t>
          </a:r>
          <a:r>
            <a:rPr lang="en-US" sz="1400" b="0" i="0" kern="1200" dirty="0">
              <a:solidFill>
                <a:schemeClr val="bg2">
                  <a:lumMod val="50000"/>
                </a:schemeClr>
              </a:solidFill>
            </a:rPr>
            <a:t>in fraud detection.</a:t>
          </a:r>
        </a:p>
      </dsp:txBody>
      <dsp:txXfrm>
        <a:off x="0" y="2476009"/>
        <a:ext cx="8307511" cy="1499400"/>
      </dsp:txXfrm>
    </dsp:sp>
    <dsp:sp modelId="{2B5B0EE2-C83E-46D0-89C9-FB42C178A038}">
      <dsp:nvSpPr>
        <dsp:cNvPr id="0" name=""/>
        <dsp:cNvSpPr/>
      </dsp:nvSpPr>
      <dsp:spPr>
        <a:xfrm>
          <a:off x="415375" y="2231583"/>
          <a:ext cx="5815257" cy="501840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19803" tIns="0" rIns="219803" bIns="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" sz="1600" b="1" kern="1200" dirty="0">
              <a:sym typeface="Inter"/>
            </a:rPr>
            <a:t>KEY CHALLENGES</a:t>
          </a:r>
          <a:endParaRPr lang="en-US" sz="1600" kern="1200" dirty="0"/>
        </a:p>
      </dsp:txBody>
      <dsp:txXfrm>
        <a:off x="439873" y="2256081"/>
        <a:ext cx="5766261" cy="452844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C77AC0A-8619-46A7-B05D-3E55D77AC4A9}">
      <dsp:nvSpPr>
        <dsp:cNvPr id="0" name=""/>
        <dsp:cNvSpPr/>
      </dsp:nvSpPr>
      <dsp:spPr>
        <a:xfrm rot="16200000">
          <a:off x="-1145085" y="2012823"/>
          <a:ext cx="2990311" cy="59973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528931" bIns="0" numCol="1" spcCol="1270" anchor="t" anchorCtr="0">
          <a:noAutofit/>
        </a:bodyPr>
        <a:lstStyle/>
        <a:p>
          <a:pPr marL="0" lvl="0" indent="0" algn="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1" kern="1200" dirty="0"/>
            <a:t>GLOBAL PERSPECTIVE</a:t>
          </a:r>
        </a:p>
      </dsp:txBody>
      <dsp:txXfrm>
        <a:off x="-1145085" y="2012823"/>
        <a:ext cx="2990311" cy="599732"/>
      </dsp:txXfrm>
    </dsp:sp>
    <dsp:sp modelId="{0D3CA9FE-2C44-433C-984A-1E6870368EE3}">
      <dsp:nvSpPr>
        <dsp:cNvPr id="0" name=""/>
        <dsp:cNvSpPr/>
      </dsp:nvSpPr>
      <dsp:spPr>
        <a:xfrm>
          <a:off x="649936" y="817533"/>
          <a:ext cx="2987302" cy="2990311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tint val="50000"/>
                <a:satMod val="300000"/>
              </a:schemeClr>
            </a:gs>
            <a:gs pos="35000">
              <a:schemeClr val="lt1">
                <a:hueOff val="0"/>
                <a:satOff val="0"/>
                <a:lumOff val="0"/>
                <a:alphaOff val="0"/>
                <a:tint val="37000"/>
                <a:satMod val="3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78232" tIns="528931" rIns="78232" bIns="78232" numCol="1" spcCol="1270" anchor="t" anchorCtr="0">
          <a:noAutofit/>
        </a:bodyPr>
        <a:lstStyle/>
        <a:p>
          <a:pPr marL="173038" lvl="1" indent="-173038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SzPct val="100000"/>
            <a:buChar char="•"/>
          </a:pPr>
          <a:r>
            <a:rPr lang="en-US" sz="1100" b="1" kern="1200"/>
            <a:t>Booming international trade due to globalization and advancements in transports;</a:t>
          </a:r>
          <a:endParaRPr lang="en-US" sz="1000" b="1" kern="1200" dirty="0"/>
        </a:p>
        <a:p>
          <a:pPr marL="173038" lvl="1" indent="-173038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SzPct val="100000"/>
            <a:buChar char="•"/>
          </a:pPr>
          <a:endParaRPr lang="en-US" sz="1100" b="1" kern="1200" dirty="0">
            <a:solidFill>
              <a:schemeClr val="bg2">
                <a:lumMod val="50000"/>
              </a:schemeClr>
            </a:solidFill>
          </a:endParaRPr>
        </a:p>
        <a:p>
          <a:pPr marL="173038" lvl="1" indent="-173038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SzPct val="100000"/>
            <a:buChar char="•"/>
          </a:pPr>
          <a:r>
            <a:rPr lang="en-US" sz="1100" b="1" kern="1200"/>
            <a:t>International supply chains (complex global supply chains and vulnerable to disruptions events such as COVID-19);</a:t>
          </a:r>
          <a:endParaRPr lang="en-US" sz="1100" b="1" kern="1200" dirty="0"/>
        </a:p>
        <a:p>
          <a:pPr marL="173038" lvl="1" indent="-173038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SzPct val="100000"/>
            <a:buChar char="•"/>
          </a:pPr>
          <a:endParaRPr lang="en-US" sz="1100" b="1" kern="1200" dirty="0">
            <a:solidFill>
              <a:schemeClr val="bg2">
                <a:lumMod val="50000"/>
              </a:schemeClr>
            </a:solidFill>
          </a:endParaRPr>
        </a:p>
        <a:p>
          <a:pPr marL="173038" lvl="1" indent="-173038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SzPct val="100000"/>
            <a:buChar char="•"/>
          </a:pPr>
          <a:r>
            <a:rPr lang="en-US" sz="1100" b="1" kern="1200"/>
            <a:t>Increase in trade facilitation demands and measures;</a:t>
          </a:r>
          <a:endParaRPr lang="en-US" sz="1100" b="1" kern="1200" dirty="0"/>
        </a:p>
        <a:p>
          <a:pPr marL="173038" lvl="1" indent="-173038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SzPct val="100000"/>
            <a:buChar char="•"/>
          </a:pPr>
          <a:endParaRPr lang="en-US" sz="1100" b="1" kern="1200" dirty="0">
            <a:solidFill>
              <a:schemeClr val="bg2">
                <a:lumMod val="50000"/>
              </a:schemeClr>
            </a:solidFill>
          </a:endParaRPr>
        </a:p>
        <a:p>
          <a:pPr marL="173038" lvl="1" indent="-173038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SzPct val="100000"/>
            <a:buChar char="•"/>
          </a:pPr>
          <a:r>
            <a:rPr lang="en-US" sz="1100" b="1" kern="1200"/>
            <a:t>AI revolution as AI is employed to optimize supply chains, enhance logistics, and improve decision-making processes.</a:t>
          </a:r>
          <a:endParaRPr lang="en-US" sz="1100" b="1" kern="1200" dirty="0"/>
        </a:p>
        <a:p>
          <a:pPr marL="57150" lvl="1" indent="0" algn="l" defTabSz="266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60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649936" y="817533"/>
        <a:ext cx="2987302" cy="2990311"/>
      </dsp:txXfrm>
    </dsp:sp>
    <dsp:sp modelId="{A209F76B-4004-407B-AF1C-225C2AA35D71}">
      <dsp:nvSpPr>
        <dsp:cNvPr id="0" name=""/>
        <dsp:cNvSpPr/>
      </dsp:nvSpPr>
      <dsp:spPr>
        <a:xfrm>
          <a:off x="50204" y="25887"/>
          <a:ext cx="1199464" cy="1199464"/>
        </a:xfrm>
        <a:prstGeom prst="rect">
          <a:avLst/>
        </a:prstGeom>
        <a:blipFill rotWithShape="1">
          <a:blip xmlns:r="http://schemas.openxmlformats.org/officeDocument/2006/relationships" r:embed="rId1">
            <a:alphaModFix/>
          </a:blip>
          <a:srcRect/>
          <a:stretch>
            <a:fillRect l="-21000" r="-21000"/>
          </a:stretch>
        </a:blipFill>
        <a:ln w="9525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808A6BC1-7708-4CD0-A143-ADCCA361EDC8}">
      <dsp:nvSpPr>
        <dsp:cNvPr id="0" name=""/>
        <dsp:cNvSpPr/>
      </dsp:nvSpPr>
      <dsp:spPr>
        <a:xfrm rot="16200000">
          <a:off x="3224871" y="2012823"/>
          <a:ext cx="2990311" cy="59973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528931" bIns="0" numCol="1" spcCol="1270" anchor="t" anchorCtr="0">
          <a:noAutofit/>
        </a:bodyPr>
        <a:lstStyle/>
        <a:p>
          <a:pPr marL="0" lvl="0" indent="0" algn="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1" kern="1200" dirty="0"/>
            <a:t>LOCAL PERSPECTIVE</a:t>
          </a:r>
        </a:p>
      </dsp:txBody>
      <dsp:txXfrm>
        <a:off x="3224871" y="2012823"/>
        <a:ext cx="2990311" cy="599732"/>
      </dsp:txXfrm>
    </dsp:sp>
    <dsp:sp modelId="{7DFE6C13-0E17-4FED-8BAB-6DB1D77CF59F}">
      <dsp:nvSpPr>
        <dsp:cNvPr id="0" name=""/>
        <dsp:cNvSpPr/>
      </dsp:nvSpPr>
      <dsp:spPr>
        <a:xfrm>
          <a:off x="5019893" y="817533"/>
          <a:ext cx="2987302" cy="2990311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tint val="50000"/>
                <a:satMod val="300000"/>
              </a:schemeClr>
            </a:gs>
            <a:gs pos="35000">
              <a:schemeClr val="lt1">
                <a:hueOff val="0"/>
                <a:satOff val="0"/>
                <a:lumOff val="0"/>
                <a:alphaOff val="0"/>
                <a:tint val="37000"/>
                <a:satMod val="3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78232" tIns="528931" rIns="78232" bIns="78232" numCol="1" spcCol="1270" anchor="t" anchorCtr="0">
          <a:noAutofit/>
        </a:bodyPr>
        <a:lstStyle/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>
              <a:latin typeface="+mn-lt"/>
              <a:ea typeface="+mn-ea"/>
              <a:cs typeface="+mn-cs"/>
            </a:rPr>
            <a:t>Resource constraints such as Human Resources;</a:t>
          </a:r>
          <a:endParaRPr lang="en-US" sz="1100" b="1" kern="1200" dirty="0">
            <a:latin typeface="+mn-lt"/>
            <a:ea typeface="+mn-ea"/>
            <a:cs typeface="+mn-cs"/>
          </a:endParaRPr>
        </a:p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endParaRPr lang="en-US" sz="1100" b="1" kern="1200" dirty="0">
            <a:solidFill>
              <a:schemeClr val="bg2">
                <a:lumMod val="50000"/>
              </a:schemeClr>
            </a:solidFill>
            <a:latin typeface="+mn-lt"/>
            <a:ea typeface="+mn-ea"/>
            <a:cs typeface="+mn-cs"/>
          </a:endParaRPr>
        </a:p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>
              <a:latin typeface="+mn-lt"/>
              <a:ea typeface="+mn-ea"/>
              <a:cs typeface="+mn-cs"/>
            </a:rPr>
            <a:t>Complex decision-making of Enforcement v/s. Trade Facilitation;</a:t>
          </a:r>
          <a:endParaRPr lang="en-US" sz="1100" b="1" kern="1200" dirty="0">
            <a:latin typeface="+mn-lt"/>
            <a:ea typeface="+mn-ea"/>
            <a:cs typeface="+mn-cs"/>
          </a:endParaRPr>
        </a:p>
        <a:p>
          <a:pPr marL="57150" lvl="1" indent="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100" b="1" kern="1200" dirty="0">
            <a:solidFill>
              <a:schemeClr val="bg2">
                <a:lumMod val="50000"/>
              </a:schemeClr>
            </a:solidFill>
            <a:latin typeface="+mn-lt"/>
          </a:endParaRPr>
        </a:p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>
              <a:latin typeface="+mn-lt"/>
              <a:ea typeface="+mn-ea"/>
              <a:cs typeface="+mn-cs"/>
            </a:rPr>
            <a:t>Struggle to implement sophisticated systems for customs processing, cargo tracking, and risk assessment;</a:t>
          </a:r>
          <a:endParaRPr lang="en-US" sz="1100" b="1" kern="1200" dirty="0">
            <a:latin typeface="+mn-lt"/>
            <a:ea typeface="+mn-ea"/>
            <a:cs typeface="+mn-cs"/>
          </a:endParaRPr>
        </a:p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endParaRPr lang="en-US" sz="1100" b="1" kern="1200" dirty="0">
            <a:solidFill>
              <a:schemeClr val="bg2">
                <a:lumMod val="50000"/>
              </a:schemeClr>
            </a:solidFill>
            <a:latin typeface="+mn-lt"/>
            <a:ea typeface="+mn-ea"/>
            <a:cs typeface="+mn-cs"/>
          </a:endParaRPr>
        </a:p>
        <a:p>
          <a:pPr marL="117475" lvl="2" indent="-117475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100" b="1" kern="1200">
              <a:latin typeface="+mn-lt"/>
              <a:ea typeface="+mn-ea"/>
              <a:cs typeface="+mn-cs"/>
            </a:rPr>
            <a:t>Awareness about the Machine Learning  and Artificial Intelligence potential (some regions may face challenged while others can</a:t>
          </a:r>
          <a:r>
            <a:rPr lang="en-US" sz="1100" b="1" kern="1200">
              <a:latin typeface="Arial"/>
              <a:ea typeface="+mn-ea"/>
              <a:cs typeface="+mn-cs"/>
            </a:rPr>
            <a:t> implement).</a:t>
          </a:r>
          <a:endParaRPr lang="en-US" sz="1100" b="1" kern="1200" dirty="0">
            <a:latin typeface="Arial"/>
            <a:ea typeface="+mn-ea"/>
            <a:cs typeface="+mn-cs"/>
          </a:endParaRPr>
        </a:p>
        <a:p>
          <a:pPr marL="57150" lvl="1" indent="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700" kern="1200" dirty="0"/>
        </a:p>
      </dsp:txBody>
      <dsp:txXfrm>
        <a:off x="5019893" y="817533"/>
        <a:ext cx="2987302" cy="2990311"/>
      </dsp:txXfrm>
    </dsp:sp>
    <dsp:sp modelId="{4F95A0FA-F4E5-4C25-B2EC-AD8850F51184}">
      <dsp:nvSpPr>
        <dsp:cNvPr id="0" name=""/>
        <dsp:cNvSpPr/>
      </dsp:nvSpPr>
      <dsp:spPr>
        <a:xfrm>
          <a:off x="4420161" y="25887"/>
          <a:ext cx="1199464" cy="1199464"/>
        </a:xfrm>
        <a:prstGeom prst="rect">
          <a:avLst/>
        </a:prstGeom>
        <a:blipFill rotWithShape="1">
          <a:blip xmlns:r="http://schemas.openxmlformats.org/officeDocument/2006/relationships" r:embed="rId2">
            <a:alphaModFix/>
          </a:blip>
          <a:srcRect/>
          <a:stretch>
            <a:fillRect l="-1000" r="-1000"/>
          </a:stretch>
        </a:blipFill>
        <a:ln w="9525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E0B1642-1274-497C-9FA8-BE19A2A29D20}">
      <dsp:nvSpPr>
        <dsp:cNvPr id="0" name=""/>
        <dsp:cNvSpPr/>
      </dsp:nvSpPr>
      <dsp:spPr>
        <a:xfrm>
          <a:off x="402458" y="785924"/>
          <a:ext cx="1358207" cy="471852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b="1" kern="1200" dirty="0">
              <a:solidFill>
                <a:schemeClr val="bg2">
                  <a:lumMod val="50000"/>
                </a:schemeClr>
              </a:solidFill>
            </a:rPr>
            <a:t>STRENGTHS</a:t>
          </a:r>
        </a:p>
      </dsp:txBody>
      <dsp:txXfrm>
        <a:off x="619771" y="785924"/>
        <a:ext cx="1140894" cy="471852"/>
      </dsp:txXfrm>
    </dsp:sp>
    <dsp:sp modelId="{34CB954F-9820-4189-A777-78F3DFCC94C2}">
      <dsp:nvSpPr>
        <dsp:cNvPr id="0" name=""/>
        <dsp:cNvSpPr/>
      </dsp:nvSpPr>
      <dsp:spPr>
        <a:xfrm>
          <a:off x="402458" y="1257776"/>
          <a:ext cx="1358207" cy="754324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Clr>
              <a:schemeClr val="dk1"/>
            </a:buClr>
            <a:buSzPts val="1400"/>
            <a:buFont typeface="Wingdings" panose="05000000000000000000" pitchFamily="2" charset="2"/>
            <a:buNone/>
          </a:pPr>
          <a:r>
            <a:rPr lang="en-US" sz="1100" b="1" u="none" strike="noStrike" kern="1200" cap="none" dirty="0">
              <a:solidFill>
                <a:schemeClr val="bg2">
                  <a:lumMod val="50000"/>
                </a:schemeClr>
              </a:solidFill>
            </a:rPr>
            <a:t>Global Community WCO BACUDA</a:t>
          </a:r>
          <a:endParaRPr lang="en-US" sz="11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619771" y="1257776"/>
        <a:ext cx="1140894" cy="754324"/>
      </dsp:txXfrm>
    </dsp:sp>
    <dsp:sp modelId="{D386C353-F899-4C60-B547-B5B390C69904}">
      <dsp:nvSpPr>
        <dsp:cNvPr id="0" name=""/>
        <dsp:cNvSpPr/>
      </dsp:nvSpPr>
      <dsp:spPr>
        <a:xfrm>
          <a:off x="402458" y="2012100"/>
          <a:ext cx="1358207" cy="754324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Clr>
              <a:schemeClr val="dk1"/>
            </a:buClr>
            <a:buSzPts val="1400"/>
            <a:buFont typeface="Wingdings" panose="05000000000000000000" pitchFamily="2" charset="2"/>
            <a:buNone/>
          </a:pPr>
          <a:r>
            <a:rPr lang="en-US" sz="1100" b="1" u="none" strike="noStrike" kern="1200" cap="none" dirty="0">
              <a:solidFill>
                <a:schemeClr val="bg2">
                  <a:lumMod val="50000"/>
                </a:schemeClr>
              </a:solidFill>
            </a:rPr>
            <a:t>Cost-effective and open source technologies</a:t>
          </a:r>
          <a:endParaRPr lang="en-US" sz="11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619771" y="2012100"/>
        <a:ext cx="1140894" cy="754324"/>
      </dsp:txXfrm>
    </dsp:sp>
    <dsp:sp modelId="{688AFCB3-6162-4C5D-94A2-742E8D61E5D5}">
      <dsp:nvSpPr>
        <dsp:cNvPr id="0" name=""/>
        <dsp:cNvSpPr/>
      </dsp:nvSpPr>
      <dsp:spPr>
        <a:xfrm>
          <a:off x="402458" y="2766425"/>
          <a:ext cx="1358207" cy="754324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Clr>
              <a:schemeClr val="dk1"/>
            </a:buClr>
            <a:buSzPts val="1400"/>
            <a:buFont typeface="Wingdings" panose="05000000000000000000" pitchFamily="2" charset="2"/>
            <a:buNone/>
          </a:pPr>
          <a:r>
            <a:rPr lang="en-US" sz="1100" b="1" u="none" strike="noStrike" kern="1200" cap="none" dirty="0">
              <a:solidFill>
                <a:schemeClr val="bg2">
                  <a:lumMod val="50000"/>
                </a:schemeClr>
              </a:solidFill>
            </a:rPr>
            <a:t>Data availability</a:t>
          </a:r>
          <a:endParaRPr lang="en-US" sz="11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619771" y="2766425"/>
        <a:ext cx="1140894" cy="754324"/>
      </dsp:txXfrm>
    </dsp:sp>
    <dsp:sp modelId="{D03A8945-B4AA-463A-9C5C-6AB72432CA86}">
      <dsp:nvSpPr>
        <dsp:cNvPr id="0" name=""/>
        <dsp:cNvSpPr/>
      </dsp:nvSpPr>
      <dsp:spPr>
        <a:xfrm>
          <a:off x="-123623" y="484345"/>
          <a:ext cx="753947" cy="753947"/>
        </a:xfrm>
        <a:prstGeom prst="ellipse">
          <a:avLst/>
        </a:prstGeom>
        <a:solidFill>
          <a:schemeClr val="accent5">
            <a:shade val="50000"/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>
              <a:latin typeface="Arial Rounded MT Bold" panose="020F0704030504030204" pitchFamily="34" charset="0"/>
            </a:rPr>
            <a:t>S</a:t>
          </a:r>
          <a:endParaRPr lang="en-US" sz="3600" kern="1200" dirty="0">
            <a:latin typeface="Arial Rounded MT Bold" panose="020F0704030504030204" pitchFamily="34" charset="0"/>
          </a:endParaRPr>
        </a:p>
      </dsp:txBody>
      <dsp:txXfrm>
        <a:off x="-13210" y="594758"/>
        <a:ext cx="533121" cy="533121"/>
      </dsp:txXfrm>
    </dsp:sp>
    <dsp:sp modelId="{D766B3DF-1529-4AD9-88F1-72E650038A44}">
      <dsp:nvSpPr>
        <dsp:cNvPr id="0" name=""/>
        <dsp:cNvSpPr/>
      </dsp:nvSpPr>
      <dsp:spPr>
        <a:xfrm>
          <a:off x="2364402" y="785924"/>
          <a:ext cx="1609716" cy="396706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b="1" kern="1200" dirty="0">
              <a:solidFill>
                <a:schemeClr val="bg2">
                  <a:lumMod val="50000"/>
                </a:schemeClr>
              </a:solidFill>
            </a:rPr>
            <a:t>WEAKNESSES</a:t>
          </a:r>
        </a:p>
      </dsp:txBody>
      <dsp:txXfrm>
        <a:off x="2621957" y="785924"/>
        <a:ext cx="1352162" cy="396706"/>
      </dsp:txXfrm>
    </dsp:sp>
    <dsp:sp modelId="{3F6E348E-2770-41BA-BEB7-2D8BF6714B43}">
      <dsp:nvSpPr>
        <dsp:cNvPr id="0" name=""/>
        <dsp:cNvSpPr/>
      </dsp:nvSpPr>
      <dsp:spPr>
        <a:xfrm>
          <a:off x="2364402" y="1182630"/>
          <a:ext cx="1609716" cy="754324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Clr>
              <a:srgbClr val="000000"/>
            </a:buClr>
            <a:buSzPts val="1200"/>
            <a:buFont typeface="Arial"/>
            <a:buNone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Poor Data Quality</a:t>
          </a:r>
        </a:p>
      </dsp:txBody>
      <dsp:txXfrm>
        <a:off x="2621957" y="1182630"/>
        <a:ext cx="1352162" cy="754324"/>
      </dsp:txXfrm>
    </dsp:sp>
    <dsp:sp modelId="{800CFE88-AE0E-43AC-A41E-7BC3419AE8AB}">
      <dsp:nvSpPr>
        <dsp:cNvPr id="0" name=""/>
        <dsp:cNvSpPr/>
      </dsp:nvSpPr>
      <dsp:spPr>
        <a:xfrm>
          <a:off x="2364402" y="1936955"/>
          <a:ext cx="1609716" cy="754324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Clr>
              <a:srgbClr val="000000"/>
            </a:buClr>
            <a:buSzPts val="1200"/>
            <a:buFont typeface="Arial"/>
            <a:buNone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Corruption</a:t>
          </a:r>
        </a:p>
      </dsp:txBody>
      <dsp:txXfrm>
        <a:off x="2621957" y="1936955"/>
        <a:ext cx="1352162" cy="754324"/>
      </dsp:txXfrm>
    </dsp:sp>
    <dsp:sp modelId="{4D5D5DD1-3523-447D-9688-B2752064E02A}">
      <dsp:nvSpPr>
        <dsp:cNvPr id="0" name=""/>
        <dsp:cNvSpPr/>
      </dsp:nvSpPr>
      <dsp:spPr>
        <a:xfrm>
          <a:off x="2364402" y="2691279"/>
          <a:ext cx="1609716" cy="754324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Clr>
              <a:srgbClr val="000000"/>
            </a:buClr>
            <a:buSzPts val="1200"/>
            <a:buFont typeface="Arial"/>
            <a:buNone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Non-innovative environment</a:t>
          </a:r>
        </a:p>
      </dsp:txBody>
      <dsp:txXfrm>
        <a:off x="2621957" y="2691279"/>
        <a:ext cx="1352162" cy="754324"/>
      </dsp:txXfrm>
    </dsp:sp>
    <dsp:sp modelId="{24FB44AB-2885-4FB9-97B0-B5A2F9DDDD1C}">
      <dsp:nvSpPr>
        <dsp:cNvPr id="0" name=""/>
        <dsp:cNvSpPr/>
      </dsp:nvSpPr>
      <dsp:spPr>
        <a:xfrm>
          <a:off x="1856805" y="483681"/>
          <a:ext cx="753947" cy="753947"/>
        </a:xfrm>
        <a:prstGeom prst="ellipse">
          <a:avLst/>
        </a:prstGeom>
        <a:solidFill>
          <a:schemeClr val="accent5">
            <a:lumMod val="7500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 dirty="0">
              <a:latin typeface="Arial Rounded MT Bold" panose="020F0704030504030204" pitchFamily="34" charset="0"/>
            </a:rPr>
            <a:t>W</a:t>
          </a:r>
        </a:p>
      </dsp:txBody>
      <dsp:txXfrm>
        <a:off x="1967218" y="594094"/>
        <a:ext cx="533121" cy="533121"/>
      </dsp:txXfrm>
    </dsp:sp>
    <dsp:sp modelId="{26A30058-B0F6-4FE2-B4F4-2855FCFBEED7}">
      <dsp:nvSpPr>
        <dsp:cNvPr id="0" name=""/>
        <dsp:cNvSpPr/>
      </dsp:nvSpPr>
      <dsp:spPr>
        <a:xfrm>
          <a:off x="4571475" y="785924"/>
          <a:ext cx="1717737" cy="416809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b="1" kern="1200" dirty="0">
              <a:solidFill>
                <a:schemeClr val="bg2">
                  <a:lumMod val="50000"/>
                </a:schemeClr>
              </a:solidFill>
            </a:rPr>
            <a:t>OPPORTUNITIES</a:t>
          </a:r>
        </a:p>
      </dsp:txBody>
      <dsp:txXfrm>
        <a:off x="4846313" y="785924"/>
        <a:ext cx="1442899" cy="416809"/>
      </dsp:txXfrm>
    </dsp:sp>
    <dsp:sp modelId="{08FB9C7E-1B13-420B-9444-5E4599FF5C75}">
      <dsp:nvSpPr>
        <dsp:cNvPr id="0" name=""/>
        <dsp:cNvSpPr/>
      </dsp:nvSpPr>
      <dsp:spPr>
        <a:xfrm>
          <a:off x="4569231" y="1202733"/>
          <a:ext cx="1705583" cy="512291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u="none" strike="noStrike" kern="1200" cap="none" dirty="0">
              <a:solidFill>
                <a:schemeClr val="bg2">
                  <a:lumMod val="50000"/>
                </a:schemeClr>
              </a:solidFill>
            </a:rPr>
            <a:t>Innovation for a better service</a:t>
          </a:r>
          <a:endParaRPr lang="en-US" sz="11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4842124" y="1202733"/>
        <a:ext cx="1432690" cy="512291"/>
      </dsp:txXfrm>
    </dsp:sp>
    <dsp:sp modelId="{69A53A4C-49F2-4133-8315-83D9A73E2E01}">
      <dsp:nvSpPr>
        <dsp:cNvPr id="0" name=""/>
        <dsp:cNvSpPr/>
      </dsp:nvSpPr>
      <dsp:spPr>
        <a:xfrm>
          <a:off x="4569231" y="1715025"/>
          <a:ext cx="1705583" cy="434596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Clr>
              <a:srgbClr val="000000"/>
            </a:buClr>
            <a:buSzPts val="1200"/>
            <a:buFont typeface="Arial"/>
            <a:buNone/>
          </a:pPr>
          <a:r>
            <a:rPr lang="en-US" sz="1100" b="1" u="none" strike="noStrike" kern="1200" cap="none" dirty="0">
              <a:solidFill>
                <a:schemeClr val="bg2">
                  <a:lumMod val="50000"/>
                </a:schemeClr>
              </a:solidFill>
            </a:rPr>
            <a:t>Compliance improvement</a:t>
          </a:r>
          <a:endParaRPr lang="en-US" sz="11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4842124" y="1715025"/>
        <a:ext cx="1432690" cy="434596"/>
      </dsp:txXfrm>
    </dsp:sp>
    <dsp:sp modelId="{51F2C8FC-A47B-4756-82B9-DC9CBA5828C6}">
      <dsp:nvSpPr>
        <dsp:cNvPr id="0" name=""/>
        <dsp:cNvSpPr/>
      </dsp:nvSpPr>
      <dsp:spPr>
        <a:xfrm>
          <a:off x="4569231" y="2149621"/>
          <a:ext cx="1705583" cy="812248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u="none" strike="noStrike" kern="1200" cap="none" dirty="0">
              <a:solidFill>
                <a:schemeClr val="bg2">
                  <a:lumMod val="50000"/>
                </a:schemeClr>
              </a:solidFill>
            </a:rPr>
            <a:t>Strong trade relationships</a:t>
          </a:r>
          <a:endParaRPr lang="en-US" sz="11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4842124" y="2149621"/>
        <a:ext cx="1432690" cy="812248"/>
      </dsp:txXfrm>
    </dsp:sp>
    <dsp:sp modelId="{D33751E2-7A56-4D3D-8343-87F1D1C28B10}">
      <dsp:nvSpPr>
        <dsp:cNvPr id="0" name=""/>
        <dsp:cNvSpPr/>
      </dsp:nvSpPr>
      <dsp:spPr>
        <a:xfrm>
          <a:off x="4564583" y="2969609"/>
          <a:ext cx="1711144" cy="617783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Economical Worth</a:t>
          </a:r>
        </a:p>
      </dsp:txBody>
      <dsp:txXfrm>
        <a:off x="4838366" y="2969609"/>
        <a:ext cx="1437361" cy="617783"/>
      </dsp:txXfrm>
    </dsp:sp>
    <dsp:sp modelId="{52AA8FEA-9B5D-41A8-9263-2A98614F901B}">
      <dsp:nvSpPr>
        <dsp:cNvPr id="0" name=""/>
        <dsp:cNvSpPr/>
      </dsp:nvSpPr>
      <dsp:spPr>
        <a:xfrm>
          <a:off x="4079461" y="468180"/>
          <a:ext cx="753947" cy="753947"/>
        </a:xfrm>
        <a:prstGeom prst="ellipse">
          <a:avLst/>
        </a:prstGeom>
        <a:solidFill>
          <a:schemeClr val="accent5">
            <a:lumMod val="7500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 dirty="0">
              <a:latin typeface="Arial Rounded MT Bold" panose="020F0704030504030204" pitchFamily="34" charset="0"/>
            </a:rPr>
            <a:t>O</a:t>
          </a:r>
        </a:p>
      </dsp:txBody>
      <dsp:txXfrm>
        <a:off x="4189874" y="578593"/>
        <a:ext cx="533121" cy="533121"/>
      </dsp:txXfrm>
    </dsp:sp>
    <dsp:sp modelId="{A282A7AF-1A78-4DAE-AE56-DEC9C8AC471F}">
      <dsp:nvSpPr>
        <dsp:cNvPr id="0" name=""/>
        <dsp:cNvSpPr/>
      </dsp:nvSpPr>
      <dsp:spPr>
        <a:xfrm>
          <a:off x="6929913" y="785924"/>
          <a:ext cx="1130920" cy="425800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b="1" kern="1200" dirty="0">
              <a:solidFill>
                <a:schemeClr val="bg2">
                  <a:lumMod val="50000"/>
                </a:schemeClr>
              </a:solidFill>
            </a:rPr>
            <a:t>THREATS</a:t>
          </a:r>
        </a:p>
      </dsp:txBody>
      <dsp:txXfrm>
        <a:off x="7110860" y="785924"/>
        <a:ext cx="949973" cy="425800"/>
      </dsp:txXfrm>
    </dsp:sp>
    <dsp:sp modelId="{94C0280D-2916-4130-AE05-F1AB322C2294}">
      <dsp:nvSpPr>
        <dsp:cNvPr id="0" name=""/>
        <dsp:cNvSpPr/>
      </dsp:nvSpPr>
      <dsp:spPr>
        <a:xfrm>
          <a:off x="6929913" y="1211725"/>
          <a:ext cx="1130920" cy="754324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Clr>
              <a:srgbClr val="000000"/>
            </a:buClr>
            <a:buSzPts val="1100"/>
            <a:buFont typeface="Arial"/>
            <a:buNone/>
          </a:pPr>
          <a:r>
            <a:rPr lang="en-US" sz="1100" b="1" i="0" u="none" strike="noStrike" kern="1200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rPr>
            <a:t>Resistance to change</a:t>
          </a:r>
          <a:endParaRPr lang="en-US" sz="110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7110860" y="1211725"/>
        <a:ext cx="949973" cy="754324"/>
      </dsp:txXfrm>
    </dsp:sp>
    <dsp:sp modelId="{17FFCF7B-0451-4E39-8556-1054A5E24980}">
      <dsp:nvSpPr>
        <dsp:cNvPr id="0" name=""/>
        <dsp:cNvSpPr/>
      </dsp:nvSpPr>
      <dsp:spPr>
        <a:xfrm>
          <a:off x="6929913" y="1966049"/>
          <a:ext cx="1130920" cy="754324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i="0" u="none" strike="noStrike" kern="1200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rPr>
            <a:t>Lack of political will</a:t>
          </a:r>
          <a:endParaRPr lang="en-US" sz="110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7110860" y="1966049"/>
        <a:ext cx="949973" cy="754324"/>
      </dsp:txXfrm>
    </dsp:sp>
    <dsp:sp modelId="{DB30C58D-49B2-47EC-A97D-9C09C3442B4E}">
      <dsp:nvSpPr>
        <dsp:cNvPr id="0" name=""/>
        <dsp:cNvSpPr/>
      </dsp:nvSpPr>
      <dsp:spPr>
        <a:xfrm>
          <a:off x="6929913" y="2720373"/>
          <a:ext cx="1130920" cy="754324"/>
        </a:xfrm>
        <a:prstGeom prst="rect">
          <a:avLst/>
        </a:prstGeom>
        <a:solidFill>
          <a:schemeClr val="accent5">
            <a:alpha val="90000"/>
            <a:tint val="55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i="0" u="none" strike="noStrike" kern="1200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rPr>
            <a:t>Technical challenges</a:t>
          </a:r>
          <a:endParaRPr lang="en-US" sz="110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7110860" y="2720373"/>
        <a:ext cx="949973" cy="754324"/>
      </dsp:txXfrm>
    </dsp:sp>
    <dsp:sp modelId="{340D12E5-F151-4F97-A524-1D5E942A70F1}">
      <dsp:nvSpPr>
        <dsp:cNvPr id="0" name=""/>
        <dsp:cNvSpPr/>
      </dsp:nvSpPr>
      <dsp:spPr>
        <a:xfrm>
          <a:off x="6326822" y="484345"/>
          <a:ext cx="753947" cy="753947"/>
        </a:xfrm>
        <a:prstGeom prst="ellipse">
          <a:avLst/>
        </a:prstGeom>
        <a:solidFill>
          <a:schemeClr val="accent5">
            <a:lumMod val="7500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>
              <a:latin typeface="Arial Rounded MT Bold" panose="020F0704030504030204" pitchFamily="34" charset="0"/>
            </a:rPr>
            <a:t>T</a:t>
          </a:r>
          <a:endParaRPr lang="en-US" sz="3600" kern="1200" dirty="0">
            <a:latin typeface="Arial Rounded MT Bold" panose="020F0704030504030204" pitchFamily="34" charset="0"/>
          </a:endParaRPr>
        </a:p>
      </dsp:txBody>
      <dsp:txXfrm>
        <a:off x="6437235" y="594758"/>
        <a:ext cx="533121" cy="533121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9E8153A-1AD7-48B3-B49E-74F8A121B47E}">
      <dsp:nvSpPr>
        <dsp:cNvPr id="0" name=""/>
        <dsp:cNvSpPr/>
      </dsp:nvSpPr>
      <dsp:spPr>
        <a:xfrm>
          <a:off x="4480640" y="2498282"/>
          <a:ext cx="1840285" cy="1192088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b="1" kern="1200" dirty="0">
              <a:solidFill>
                <a:schemeClr val="bg2">
                  <a:lumMod val="50000"/>
                </a:schemeClr>
              </a:solidFill>
            </a:rPr>
            <a:t>Highly regulated items </a:t>
          </a:r>
        </a:p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b="1" kern="1200" dirty="0">
              <a:solidFill>
                <a:schemeClr val="bg2">
                  <a:lumMod val="50000"/>
                </a:schemeClr>
              </a:solidFill>
            </a:rPr>
            <a:t>Prohibitions and illegal drugs</a:t>
          </a:r>
        </a:p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0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5058912" y="2822490"/>
        <a:ext cx="1235828" cy="841694"/>
      </dsp:txXfrm>
    </dsp:sp>
    <dsp:sp modelId="{DD8F4FE3-3B2B-47D0-82CD-8428232D56F3}">
      <dsp:nvSpPr>
        <dsp:cNvPr id="0" name=""/>
        <dsp:cNvSpPr/>
      </dsp:nvSpPr>
      <dsp:spPr>
        <a:xfrm>
          <a:off x="835165" y="2491308"/>
          <a:ext cx="1840285" cy="1192088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b="1" kern="1200" dirty="0">
              <a:solidFill>
                <a:schemeClr val="bg2">
                  <a:lumMod val="50000"/>
                </a:schemeClr>
              </a:solidFill>
            </a:rPr>
            <a:t>Underpayment/Non-payment of duties and taxes</a:t>
          </a:r>
        </a:p>
      </dsp:txBody>
      <dsp:txXfrm>
        <a:off x="861351" y="2815516"/>
        <a:ext cx="1235828" cy="841694"/>
      </dsp:txXfrm>
    </dsp:sp>
    <dsp:sp modelId="{EB735A38-1946-4D5A-A3ED-BEDC7843E42D}">
      <dsp:nvSpPr>
        <dsp:cNvPr id="0" name=""/>
        <dsp:cNvSpPr/>
      </dsp:nvSpPr>
      <dsp:spPr>
        <a:xfrm>
          <a:off x="4368217" y="0"/>
          <a:ext cx="1840285" cy="1192088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b="1" kern="1200" dirty="0">
              <a:solidFill>
                <a:schemeClr val="bg2">
                  <a:lumMod val="50000"/>
                </a:schemeClr>
              </a:solidFill>
              <a:sym typeface="Inter"/>
            </a:rPr>
            <a:t>Limited resources</a:t>
          </a:r>
          <a:endParaRPr lang="en-US" sz="1000" b="1" kern="1200" dirty="0">
            <a:solidFill>
              <a:schemeClr val="bg2">
                <a:lumMod val="50000"/>
              </a:schemeClr>
            </a:solidFill>
          </a:endParaRPr>
        </a:p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b="1" kern="1200" dirty="0">
              <a:solidFill>
                <a:schemeClr val="bg2">
                  <a:lumMod val="50000"/>
                </a:schemeClr>
              </a:solidFill>
            </a:rPr>
            <a:t>Complex legal framework</a:t>
          </a:r>
        </a:p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b="1" kern="1200" dirty="0">
              <a:solidFill>
                <a:schemeClr val="bg2">
                  <a:lumMod val="50000"/>
                </a:schemeClr>
              </a:solidFill>
            </a:rPr>
            <a:t>Trade-off between enforcement and facilitation</a:t>
          </a:r>
        </a:p>
      </dsp:txBody>
      <dsp:txXfrm>
        <a:off x="4946489" y="26186"/>
        <a:ext cx="1235828" cy="841694"/>
      </dsp:txXfrm>
    </dsp:sp>
    <dsp:sp modelId="{B00E0395-082A-41D3-8EAE-1C7F13FD41C9}">
      <dsp:nvSpPr>
        <dsp:cNvPr id="0" name=""/>
        <dsp:cNvSpPr/>
      </dsp:nvSpPr>
      <dsp:spPr>
        <a:xfrm>
          <a:off x="897974" y="0"/>
          <a:ext cx="1840285" cy="1192088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8100" tIns="38100" rIns="38100" bIns="38100" numCol="1" spcCol="1270" anchor="t" anchorCtr="0">
          <a:noAutofit/>
        </a:bodyPr>
        <a:lstStyle/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b="1" kern="1200" dirty="0">
              <a:solidFill>
                <a:schemeClr val="bg2">
                  <a:lumMod val="50000"/>
                </a:schemeClr>
              </a:solidFill>
            </a:rPr>
            <a:t>Increasing volume trade</a:t>
          </a:r>
        </a:p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b="1" kern="1200" dirty="0">
              <a:solidFill>
                <a:schemeClr val="bg2">
                  <a:lumMod val="50000"/>
                </a:schemeClr>
              </a:solidFill>
            </a:rPr>
            <a:t>Valuation, classification and origin fraud</a:t>
          </a:r>
        </a:p>
        <a:p>
          <a:pPr marL="169863" lvl="1" indent="-169863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b="1" kern="1200" dirty="0">
              <a:solidFill>
                <a:schemeClr val="bg2">
                  <a:lumMod val="50000"/>
                </a:schemeClr>
              </a:solidFill>
            </a:rPr>
            <a:t>Smuggling</a:t>
          </a:r>
        </a:p>
      </dsp:txBody>
      <dsp:txXfrm>
        <a:off x="924160" y="26186"/>
        <a:ext cx="1235828" cy="841694"/>
      </dsp:txXfrm>
    </dsp:sp>
    <dsp:sp modelId="{AD1BC9DD-DE09-41C7-B540-9CDB1BA21A04}">
      <dsp:nvSpPr>
        <dsp:cNvPr id="0" name=""/>
        <dsp:cNvSpPr/>
      </dsp:nvSpPr>
      <dsp:spPr>
        <a:xfrm>
          <a:off x="1941339" y="212340"/>
          <a:ext cx="1613044" cy="1613044"/>
        </a:xfrm>
        <a:prstGeom prst="pieWedg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chemeClr val="bg2">
                  <a:lumMod val="50000"/>
                </a:schemeClr>
              </a:solidFill>
            </a:rPr>
            <a:t>Increasing risk of Customs fraud</a:t>
          </a:r>
        </a:p>
      </dsp:txBody>
      <dsp:txXfrm>
        <a:off x="2413789" y="684790"/>
        <a:ext cx="1140594" cy="1140594"/>
      </dsp:txXfrm>
    </dsp:sp>
    <dsp:sp modelId="{0A606F62-D7C0-4241-A250-84C7A480095C}">
      <dsp:nvSpPr>
        <dsp:cNvPr id="0" name=""/>
        <dsp:cNvSpPr/>
      </dsp:nvSpPr>
      <dsp:spPr>
        <a:xfrm rot="5400000">
          <a:off x="3628889" y="212340"/>
          <a:ext cx="1613044" cy="1613044"/>
        </a:xfrm>
        <a:prstGeom prst="pieWedg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" sz="1200" b="1" kern="1200" dirty="0">
              <a:solidFill>
                <a:schemeClr val="bg2">
                  <a:lumMod val="50000"/>
                </a:schemeClr>
              </a:solidFill>
              <a:sym typeface="Inter"/>
            </a:rPr>
            <a:t>Challenging decision-making environment</a:t>
          </a:r>
          <a:endParaRPr lang="en-US" sz="1200" b="1" kern="1200" dirty="0">
            <a:solidFill>
              <a:schemeClr val="bg2">
                <a:lumMod val="50000"/>
              </a:schemeClr>
            </a:solidFill>
          </a:endParaRPr>
        </a:p>
      </dsp:txBody>
      <dsp:txXfrm rot="-5400000">
        <a:off x="3628889" y="684790"/>
        <a:ext cx="1140594" cy="1140594"/>
      </dsp:txXfrm>
    </dsp:sp>
    <dsp:sp modelId="{0A2723CE-F26E-4DA4-875A-DF453DC232F0}">
      <dsp:nvSpPr>
        <dsp:cNvPr id="0" name=""/>
        <dsp:cNvSpPr/>
      </dsp:nvSpPr>
      <dsp:spPr>
        <a:xfrm rot="10800000">
          <a:off x="3628889" y="1899890"/>
          <a:ext cx="1613044" cy="1613044"/>
        </a:xfrm>
        <a:prstGeom prst="pieWedg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chemeClr val="bg2">
                  <a:lumMod val="50000"/>
                </a:schemeClr>
              </a:solidFill>
              <a:sym typeface="Inter"/>
            </a:rPr>
            <a:t>Threats to safety and security </a:t>
          </a:r>
        </a:p>
      </dsp:txBody>
      <dsp:txXfrm rot="10800000">
        <a:off x="3628889" y="1899890"/>
        <a:ext cx="1140594" cy="1140594"/>
      </dsp:txXfrm>
    </dsp:sp>
    <dsp:sp modelId="{3EBD1A64-5DD9-4AAD-AA9B-EF905F9D714A}">
      <dsp:nvSpPr>
        <dsp:cNvPr id="0" name=""/>
        <dsp:cNvSpPr/>
      </dsp:nvSpPr>
      <dsp:spPr>
        <a:xfrm rot="16200000">
          <a:off x="1941339" y="1899890"/>
          <a:ext cx="1613044" cy="1613044"/>
        </a:xfrm>
        <a:prstGeom prst="pieWedg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>
              <a:solidFill>
                <a:schemeClr val="bg2">
                  <a:lumMod val="50000"/>
                </a:schemeClr>
              </a:solidFill>
              <a:sym typeface="Inter"/>
            </a:rPr>
            <a:t>Loss in Revenue Collection</a:t>
          </a:r>
          <a:endParaRPr lang="en-US" sz="1200" b="1" kern="1200" dirty="0">
            <a:solidFill>
              <a:schemeClr val="bg2">
                <a:lumMod val="50000"/>
              </a:schemeClr>
            </a:solidFill>
          </a:endParaRPr>
        </a:p>
      </dsp:txBody>
      <dsp:txXfrm rot="5400000">
        <a:off x="2413789" y="1899890"/>
        <a:ext cx="1140594" cy="1140594"/>
      </dsp:txXfrm>
    </dsp:sp>
    <dsp:sp modelId="{76AC7DF9-B4F0-4D4B-BB13-2CEA77266217}">
      <dsp:nvSpPr>
        <dsp:cNvPr id="0" name=""/>
        <dsp:cNvSpPr/>
      </dsp:nvSpPr>
      <dsp:spPr>
        <a:xfrm>
          <a:off x="3313172" y="1527362"/>
          <a:ext cx="556928" cy="484285"/>
        </a:xfrm>
        <a:prstGeom prst="circularArrow">
          <a:avLst/>
        </a:prstGeom>
        <a:solidFill>
          <a:schemeClr val="accent5">
            <a:tint val="60000"/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311285C-87B1-4CF3-A196-F8A7A9BF87DB}">
      <dsp:nvSpPr>
        <dsp:cNvPr id="0" name=""/>
        <dsp:cNvSpPr/>
      </dsp:nvSpPr>
      <dsp:spPr>
        <a:xfrm rot="10800000">
          <a:off x="3313172" y="1713626"/>
          <a:ext cx="556928" cy="484285"/>
        </a:xfrm>
        <a:prstGeom prst="circularArrow">
          <a:avLst/>
        </a:prstGeom>
        <a:solidFill>
          <a:schemeClr val="accent5">
            <a:tint val="60000"/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78E42C5-2903-466E-B65E-4F6720ACF06E}">
      <dsp:nvSpPr>
        <dsp:cNvPr id="0" name=""/>
        <dsp:cNvSpPr/>
      </dsp:nvSpPr>
      <dsp:spPr>
        <a:xfrm>
          <a:off x="-4593403" y="-704407"/>
          <a:ext cx="5472816" cy="5472816"/>
        </a:xfrm>
        <a:prstGeom prst="blockArc">
          <a:avLst>
            <a:gd name="adj1" fmla="val 18900000"/>
            <a:gd name="adj2" fmla="val 2700000"/>
            <a:gd name="adj3" fmla="val 395"/>
          </a:avLst>
        </a:prstGeom>
        <a:noFill/>
        <a:ln w="25400" cap="flat" cmpd="sng" algn="ctr">
          <a:solidFill>
            <a:schemeClr val="accent5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9828699-C490-4288-9E7B-CFCAB4AB4D12}">
      <dsp:nvSpPr>
        <dsp:cNvPr id="0" name=""/>
        <dsp:cNvSpPr/>
      </dsp:nvSpPr>
      <dsp:spPr>
        <a:xfrm>
          <a:off x="285089" y="184749"/>
          <a:ext cx="5756656" cy="369336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3161" tIns="27940" rIns="27940" bIns="27940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Model Pipeline</a:t>
          </a:r>
        </a:p>
      </dsp:txBody>
      <dsp:txXfrm>
        <a:off x="285089" y="184749"/>
        <a:ext cx="5756656" cy="369336"/>
      </dsp:txXfrm>
    </dsp:sp>
    <dsp:sp modelId="{814F3A21-1F81-4EA0-B136-F2A1388D0EA7}">
      <dsp:nvSpPr>
        <dsp:cNvPr id="0" name=""/>
        <dsp:cNvSpPr/>
      </dsp:nvSpPr>
      <dsp:spPr>
        <a:xfrm>
          <a:off x="54254" y="138582"/>
          <a:ext cx="461670" cy="46167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DA611B3-AE8E-4861-A62B-DE6AED993C96}">
      <dsp:nvSpPr>
        <dsp:cNvPr id="0" name=""/>
        <dsp:cNvSpPr/>
      </dsp:nvSpPr>
      <dsp:spPr>
        <a:xfrm>
          <a:off x="619556" y="739079"/>
          <a:ext cx="5422188" cy="369336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3161" tIns="27940" rIns="27940" bIns="27940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Data Wrangling and EDA</a:t>
          </a:r>
        </a:p>
      </dsp:txBody>
      <dsp:txXfrm>
        <a:off x="619556" y="739079"/>
        <a:ext cx="5422188" cy="369336"/>
      </dsp:txXfrm>
    </dsp:sp>
    <dsp:sp modelId="{E9BC30CE-AB70-4FED-AAF7-94A27C06C8DD}">
      <dsp:nvSpPr>
        <dsp:cNvPr id="0" name=""/>
        <dsp:cNvSpPr/>
      </dsp:nvSpPr>
      <dsp:spPr>
        <a:xfrm>
          <a:off x="388721" y="692912"/>
          <a:ext cx="461670" cy="46167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2846CA1-834A-4110-A0E3-C64D21A68C3F}">
      <dsp:nvSpPr>
        <dsp:cNvPr id="0" name=""/>
        <dsp:cNvSpPr/>
      </dsp:nvSpPr>
      <dsp:spPr>
        <a:xfrm>
          <a:off x="802843" y="1293002"/>
          <a:ext cx="5238902" cy="369336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3161" tIns="27940" rIns="27940" bIns="27940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>
              <a:solidFill>
                <a:schemeClr val="bg2">
                  <a:lumMod val="50000"/>
                </a:schemeClr>
              </a:solidFill>
            </a:rPr>
            <a:t>Feature Engineering</a:t>
          </a:r>
        </a:p>
      </dsp:txBody>
      <dsp:txXfrm>
        <a:off x="802843" y="1293002"/>
        <a:ext cx="5238902" cy="369336"/>
      </dsp:txXfrm>
    </dsp:sp>
    <dsp:sp modelId="{38EB1E9B-74F2-46C9-9A56-023CA8D4AFD8}">
      <dsp:nvSpPr>
        <dsp:cNvPr id="0" name=""/>
        <dsp:cNvSpPr/>
      </dsp:nvSpPr>
      <dsp:spPr>
        <a:xfrm>
          <a:off x="572007" y="1246835"/>
          <a:ext cx="461670" cy="46167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7C8CD7D-EC6E-4A9F-8C2E-BD424AF54A98}">
      <dsp:nvSpPr>
        <dsp:cNvPr id="0" name=""/>
        <dsp:cNvSpPr/>
      </dsp:nvSpPr>
      <dsp:spPr>
        <a:xfrm>
          <a:off x="861364" y="1847331"/>
          <a:ext cx="5180380" cy="369336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3161" tIns="27940" rIns="27940" bIns="27940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>
              <a:solidFill>
                <a:schemeClr val="bg2">
                  <a:lumMod val="50000"/>
                </a:schemeClr>
              </a:solidFill>
            </a:rPr>
            <a:t>Risk Profiling</a:t>
          </a:r>
        </a:p>
      </dsp:txBody>
      <dsp:txXfrm>
        <a:off x="861364" y="1847331"/>
        <a:ext cx="5180380" cy="369336"/>
      </dsp:txXfrm>
    </dsp:sp>
    <dsp:sp modelId="{FC1447BF-942A-408A-A2F9-12AC5C555AFC}">
      <dsp:nvSpPr>
        <dsp:cNvPr id="0" name=""/>
        <dsp:cNvSpPr/>
      </dsp:nvSpPr>
      <dsp:spPr>
        <a:xfrm>
          <a:off x="630529" y="1801164"/>
          <a:ext cx="461670" cy="46167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AEADAEC-048D-401E-B4E1-1F1F0BE4D925}">
      <dsp:nvSpPr>
        <dsp:cNvPr id="0" name=""/>
        <dsp:cNvSpPr/>
      </dsp:nvSpPr>
      <dsp:spPr>
        <a:xfrm>
          <a:off x="802843" y="2401661"/>
          <a:ext cx="5238902" cy="369336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3161" tIns="27940" rIns="27940" bIns="27940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Feature Selection</a:t>
          </a:r>
        </a:p>
      </dsp:txBody>
      <dsp:txXfrm>
        <a:off x="802843" y="2401661"/>
        <a:ext cx="5238902" cy="369336"/>
      </dsp:txXfrm>
    </dsp:sp>
    <dsp:sp modelId="{BD70E20A-A0ED-45D9-876D-0F908C96853E}">
      <dsp:nvSpPr>
        <dsp:cNvPr id="0" name=""/>
        <dsp:cNvSpPr/>
      </dsp:nvSpPr>
      <dsp:spPr>
        <a:xfrm>
          <a:off x="572007" y="2355494"/>
          <a:ext cx="461670" cy="46167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3A76EA7-EA9B-4256-8845-1564AECD7B2D}">
      <dsp:nvSpPr>
        <dsp:cNvPr id="0" name=""/>
        <dsp:cNvSpPr/>
      </dsp:nvSpPr>
      <dsp:spPr>
        <a:xfrm>
          <a:off x="619556" y="2955584"/>
          <a:ext cx="5422188" cy="369336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3161" tIns="27940" rIns="27940" bIns="27940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Models Training and Evaluation</a:t>
          </a:r>
        </a:p>
      </dsp:txBody>
      <dsp:txXfrm>
        <a:off x="619556" y="2955584"/>
        <a:ext cx="5422188" cy="369336"/>
      </dsp:txXfrm>
    </dsp:sp>
    <dsp:sp modelId="{18DE93CA-B4B3-42CE-948F-5270FA15AD65}">
      <dsp:nvSpPr>
        <dsp:cNvPr id="0" name=""/>
        <dsp:cNvSpPr/>
      </dsp:nvSpPr>
      <dsp:spPr>
        <a:xfrm>
          <a:off x="388721" y="2909417"/>
          <a:ext cx="461670" cy="46167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0967837-EC4C-4BF3-AEC5-3F314A38DC26}">
      <dsp:nvSpPr>
        <dsp:cNvPr id="0" name=""/>
        <dsp:cNvSpPr/>
      </dsp:nvSpPr>
      <dsp:spPr>
        <a:xfrm>
          <a:off x="285089" y="3509914"/>
          <a:ext cx="5756656" cy="369336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3161" tIns="27940" rIns="27940" bIns="27940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2">
                  <a:lumMod val="50000"/>
                </a:schemeClr>
              </a:solidFill>
            </a:rPr>
            <a:t>Model Selection</a:t>
          </a:r>
        </a:p>
      </dsp:txBody>
      <dsp:txXfrm>
        <a:off x="285089" y="3509914"/>
        <a:ext cx="5756656" cy="369336"/>
      </dsp:txXfrm>
    </dsp:sp>
    <dsp:sp modelId="{90B57D0D-C1CB-4A7F-ADFC-96A8936EB2E8}">
      <dsp:nvSpPr>
        <dsp:cNvPr id="0" name=""/>
        <dsp:cNvSpPr/>
      </dsp:nvSpPr>
      <dsp:spPr>
        <a:xfrm>
          <a:off x="54254" y="3463747"/>
          <a:ext cx="461670" cy="461670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69AEA16-84A9-4729-8FDB-EDC6DE8BB55A}">
      <dsp:nvSpPr>
        <dsp:cNvPr id="0" name=""/>
        <dsp:cNvSpPr/>
      </dsp:nvSpPr>
      <dsp:spPr>
        <a:xfrm>
          <a:off x="2773" y="1089235"/>
          <a:ext cx="1465369" cy="1885529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Origin different from precedent country</a:t>
          </a:r>
        </a:p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endParaRPr lang="en-US" sz="700" kern="1200" dirty="0">
            <a:solidFill>
              <a:schemeClr val="bg2">
                <a:lumMod val="50000"/>
              </a:schemeClr>
            </a:solidFill>
          </a:endParaRPr>
        </a:p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Unit price, kg per unit</a:t>
          </a:r>
        </a:p>
      </dsp:txBody>
      <dsp:txXfrm>
        <a:off x="45692" y="1132154"/>
        <a:ext cx="1379531" cy="1395649"/>
      </dsp:txXfrm>
    </dsp:sp>
    <dsp:sp modelId="{89DD89C4-3D81-418C-8DED-8F1F06A5BFEC}">
      <dsp:nvSpPr>
        <dsp:cNvPr id="0" name=""/>
        <dsp:cNvSpPr/>
      </dsp:nvSpPr>
      <dsp:spPr>
        <a:xfrm rot="621344">
          <a:off x="668084" y="1803297"/>
          <a:ext cx="1597926" cy="1597926"/>
        </a:xfrm>
        <a:prstGeom prst="leftCircularArrow">
          <a:avLst>
            <a:gd name="adj1" fmla="val 3154"/>
            <a:gd name="adj2" fmla="val 388148"/>
            <a:gd name="adj3" fmla="val 1582945"/>
            <a:gd name="adj4" fmla="val 8443776"/>
            <a:gd name="adj5" fmla="val 3680"/>
          </a:avLst>
        </a:prstGeom>
        <a:solidFill>
          <a:schemeClr val="accent5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6EAD8C4-C4DF-4A1B-961F-CC154FBF42C7}">
      <dsp:nvSpPr>
        <dsp:cNvPr id="0" name=""/>
        <dsp:cNvSpPr/>
      </dsp:nvSpPr>
      <dsp:spPr>
        <a:xfrm>
          <a:off x="365415" y="2569187"/>
          <a:ext cx="1184136" cy="470892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2700" rIns="1905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/>
            <a:t>Basic feature engineering</a:t>
          </a:r>
          <a:endParaRPr lang="en-US" sz="1000" kern="1200" dirty="0"/>
        </a:p>
      </dsp:txBody>
      <dsp:txXfrm>
        <a:off x="379207" y="2582979"/>
        <a:ext cx="1156552" cy="443308"/>
      </dsp:txXfrm>
    </dsp:sp>
    <dsp:sp modelId="{41FE5182-D3A8-4121-B339-33CF309E4A18}">
      <dsp:nvSpPr>
        <dsp:cNvPr id="0" name=""/>
        <dsp:cNvSpPr/>
      </dsp:nvSpPr>
      <dsp:spPr>
        <a:xfrm>
          <a:off x="1789551" y="1089235"/>
          <a:ext cx="1465369" cy="1885529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OFFICE '</a:t>
          </a:r>
          <a:r>
            <a:rPr lang="en-US" sz="700" kern="1200" dirty="0" err="1">
              <a:solidFill>
                <a:schemeClr val="bg2">
                  <a:lumMod val="50000"/>
                </a:schemeClr>
              </a:solidFill>
            </a:rPr>
            <a:t>Codigo</a:t>
          </a: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 Aduana de registro - DDT'</a:t>
          </a:r>
        </a:p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endParaRPr lang="en-US" sz="700" kern="1200" dirty="0">
            <a:solidFill>
              <a:schemeClr val="bg2">
                <a:lumMod val="50000"/>
              </a:schemeClr>
            </a:solidFill>
          </a:endParaRPr>
        </a:p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ORIGIN COUNTRY '</a:t>
          </a:r>
          <a:r>
            <a:rPr lang="en-US" sz="700" kern="1200" dirty="0" err="1">
              <a:solidFill>
                <a:schemeClr val="bg2">
                  <a:lumMod val="50000"/>
                </a:schemeClr>
              </a:solidFill>
            </a:rPr>
            <a:t>Pais</a:t>
          </a: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 de </a:t>
          </a:r>
          <a:r>
            <a:rPr lang="en-US" sz="700" kern="1200" dirty="0" err="1">
              <a:solidFill>
                <a:schemeClr val="bg2">
                  <a:lumMod val="50000"/>
                </a:schemeClr>
              </a:solidFill>
            </a:rPr>
            <a:t>origen</a:t>
          </a: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 - ART'</a:t>
          </a:r>
        </a:p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700" kern="1200" dirty="0">
            <a:solidFill>
              <a:schemeClr val="bg2">
                <a:lumMod val="50000"/>
              </a:schemeClr>
            </a:solidFill>
          </a:endParaRPr>
        </a:p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DEPARTURE COUNTRY '</a:t>
          </a:r>
          <a:r>
            <a:rPr lang="en-US" sz="700" kern="1200" dirty="0" err="1">
              <a:solidFill>
                <a:schemeClr val="bg2">
                  <a:lumMod val="50000"/>
                </a:schemeClr>
              </a:solidFill>
            </a:rPr>
            <a:t>Pais</a:t>
          </a: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 de </a:t>
          </a:r>
          <a:r>
            <a:rPr lang="en-US" sz="700" kern="1200" dirty="0" err="1">
              <a:solidFill>
                <a:schemeClr val="bg2">
                  <a:lumMod val="50000"/>
                </a:schemeClr>
              </a:solidFill>
            </a:rPr>
            <a:t>Procedencia</a:t>
          </a: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 - ART</a:t>
          </a:r>
        </a:p>
      </dsp:txBody>
      <dsp:txXfrm>
        <a:off x="1832470" y="1536196"/>
        <a:ext cx="1379531" cy="1395649"/>
      </dsp:txXfrm>
    </dsp:sp>
    <dsp:sp modelId="{3ED652ED-41C4-4A94-81B5-28C58901B52C}">
      <dsp:nvSpPr>
        <dsp:cNvPr id="0" name=""/>
        <dsp:cNvSpPr/>
      </dsp:nvSpPr>
      <dsp:spPr>
        <a:xfrm rot="20882439">
          <a:off x="2492672" y="624538"/>
          <a:ext cx="1775544" cy="1775544"/>
        </a:xfrm>
        <a:prstGeom prst="circularArrow">
          <a:avLst>
            <a:gd name="adj1" fmla="val 2839"/>
            <a:gd name="adj2" fmla="val 346738"/>
            <a:gd name="adj3" fmla="val 20115461"/>
            <a:gd name="adj4" fmla="val 13213220"/>
            <a:gd name="adj5" fmla="val 3312"/>
          </a:avLst>
        </a:prstGeom>
        <a:solidFill>
          <a:schemeClr val="accent5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A0DBF92-3277-4949-B35E-592DC68AB263}">
      <dsp:nvSpPr>
        <dsp:cNvPr id="0" name=""/>
        <dsp:cNvSpPr/>
      </dsp:nvSpPr>
      <dsp:spPr>
        <a:xfrm>
          <a:off x="2152193" y="974307"/>
          <a:ext cx="1184136" cy="470892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2700" rIns="1905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/>
            <a:t>Activity level from codes</a:t>
          </a:r>
          <a:endParaRPr lang="en-US" sz="1000" kern="1200" dirty="0"/>
        </a:p>
      </dsp:txBody>
      <dsp:txXfrm>
        <a:off x="2165985" y="988099"/>
        <a:ext cx="1156552" cy="443308"/>
      </dsp:txXfrm>
    </dsp:sp>
    <dsp:sp modelId="{735ED002-9C8F-40E5-AEE7-81178CEAAB17}">
      <dsp:nvSpPr>
        <dsp:cNvPr id="0" name=""/>
        <dsp:cNvSpPr/>
      </dsp:nvSpPr>
      <dsp:spPr>
        <a:xfrm>
          <a:off x="3576329" y="1089235"/>
          <a:ext cx="1465369" cy="1885529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Months of activity of brokers and importers</a:t>
          </a:r>
        </a:p>
      </dsp:txBody>
      <dsp:txXfrm>
        <a:off x="3619248" y="1132154"/>
        <a:ext cx="1379531" cy="1395649"/>
      </dsp:txXfrm>
    </dsp:sp>
    <dsp:sp modelId="{DE46F182-2AE6-48B7-8883-F624BB604068}">
      <dsp:nvSpPr>
        <dsp:cNvPr id="0" name=""/>
        <dsp:cNvSpPr/>
      </dsp:nvSpPr>
      <dsp:spPr>
        <a:xfrm rot="903057">
          <a:off x="4308338" y="1769948"/>
          <a:ext cx="1597926" cy="1597926"/>
        </a:xfrm>
        <a:prstGeom prst="leftCircularArrow">
          <a:avLst>
            <a:gd name="adj1" fmla="val 3154"/>
            <a:gd name="adj2" fmla="val 388148"/>
            <a:gd name="adj3" fmla="val 1582945"/>
            <a:gd name="adj4" fmla="val 8443776"/>
            <a:gd name="adj5" fmla="val 3680"/>
          </a:avLst>
        </a:prstGeom>
        <a:solidFill>
          <a:schemeClr val="accent5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E8E43C5-B646-4C5B-BCD7-EF47391D2FF0}">
      <dsp:nvSpPr>
        <dsp:cNvPr id="0" name=""/>
        <dsp:cNvSpPr/>
      </dsp:nvSpPr>
      <dsp:spPr>
        <a:xfrm>
          <a:off x="3938971" y="2569187"/>
          <a:ext cx="1184136" cy="470892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2700" rIns="1905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/>
            <a:t>Period of activity</a:t>
          </a:r>
          <a:endParaRPr lang="en-US" sz="1000" kern="1200" dirty="0"/>
        </a:p>
      </dsp:txBody>
      <dsp:txXfrm>
        <a:off x="3952763" y="2582979"/>
        <a:ext cx="1156552" cy="443308"/>
      </dsp:txXfrm>
    </dsp:sp>
    <dsp:sp modelId="{2804F955-B30B-4258-A6AC-9889AFF87E62}">
      <dsp:nvSpPr>
        <dsp:cNvPr id="0" name=""/>
        <dsp:cNvSpPr/>
      </dsp:nvSpPr>
      <dsp:spPr>
        <a:xfrm>
          <a:off x="5363107" y="1089235"/>
          <a:ext cx="1465369" cy="1885529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ts val="0"/>
            </a:spcAft>
            <a:buFont typeface="Arial" panose="020B0604020202020204" pitchFamily="34" charset="0"/>
            <a:buChar char="•"/>
          </a:pPr>
          <a:endParaRPr lang="en-US" sz="700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5406026" y="1536196"/>
        <a:ext cx="1379531" cy="1395649"/>
      </dsp:txXfrm>
    </dsp:sp>
    <dsp:sp modelId="{6BABF621-AF67-4612-8CB7-FE01BCC33FBB}">
      <dsp:nvSpPr>
        <dsp:cNvPr id="0" name=""/>
        <dsp:cNvSpPr/>
      </dsp:nvSpPr>
      <dsp:spPr>
        <a:xfrm rot="20789277">
          <a:off x="6066228" y="624538"/>
          <a:ext cx="1775544" cy="1775544"/>
        </a:xfrm>
        <a:prstGeom prst="circularArrow">
          <a:avLst>
            <a:gd name="adj1" fmla="val 2839"/>
            <a:gd name="adj2" fmla="val 346738"/>
            <a:gd name="adj3" fmla="val 20115461"/>
            <a:gd name="adj4" fmla="val 13213220"/>
            <a:gd name="adj5" fmla="val 3312"/>
          </a:avLst>
        </a:prstGeom>
        <a:solidFill>
          <a:schemeClr val="accent5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5A27851-0E1C-4A24-A0A6-7FC16EB9F098}">
      <dsp:nvSpPr>
        <dsp:cNvPr id="0" name=""/>
        <dsp:cNvSpPr/>
      </dsp:nvSpPr>
      <dsp:spPr>
        <a:xfrm>
          <a:off x="5725748" y="974307"/>
          <a:ext cx="1184136" cy="470892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2700" rIns="1905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/>
            <a:t>Stats information and clusters from HS06 codes</a:t>
          </a:r>
          <a:endParaRPr lang="en-US" sz="1000" b="1" kern="1200" dirty="0"/>
        </a:p>
      </dsp:txBody>
      <dsp:txXfrm>
        <a:off x="5739540" y="988099"/>
        <a:ext cx="1156552" cy="443308"/>
      </dsp:txXfrm>
    </dsp:sp>
    <dsp:sp modelId="{DF7BB54B-4181-4848-A2E2-73CCEC81D78B}">
      <dsp:nvSpPr>
        <dsp:cNvPr id="0" name=""/>
        <dsp:cNvSpPr/>
      </dsp:nvSpPr>
      <dsp:spPr>
        <a:xfrm>
          <a:off x="7149884" y="1089235"/>
          <a:ext cx="1465369" cy="1885529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57150" lvl="1" indent="-57150" algn="l" defTabSz="3111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700" kern="1200" dirty="0">
              <a:solidFill>
                <a:schemeClr val="bg2">
                  <a:lumMod val="50000"/>
                </a:schemeClr>
              </a:solidFill>
            </a:rPr>
            <a:t>For categories with less than 15 unique values</a:t>
          </a:r>
        </a:p>
      </dsp:txBody>
      <dsp:txXfrm>
        <a:off x="7192803" y="1132154"/>
        <a:ext cx="1379531" cy="1395649"/>
      </dsp:txXfrm>
    </dsp:sp>
    <dsp:sp modelId="{FA7FE170-F1DD-447D-9FC5-FBE4C45D7C57}">
      <dsp:nvSpPr>
        <dsp:cNvPr id="0" name=""/>
        <dsp:cNvSpPr/>
      </dsp:nvSpPr>
      <dsp:spPr>
        <a:xfrm>
          <a:off x="7512526" y="2569187"/>
          <a:ext cx="1184136" cy="470892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2700" rIns="1905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/>
            <a:t>One-hot-encoding </a:t>
          </a:r>
          <a:endParaRPr lang="en-US" sz="1000" b="1" kern="1200" dirty="0"/>
        </a:p>
      </dsp:txBody>
      <dsp:txXfrm>
        <a:off x="7526318" y="2582979"/>
        <a:ext cx="1156552" cy="443308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B767C6-CE2A-4DF3-A3DB-82FC7174A3C4}">
      <dsp:nvSpPr>
        <dsp:cNvPr id="0" name=""/>
        <dsp:cNvSpPr/>
      </dsp:nvSpPr>
      <dsp:spPr>
        <a:xfrm>
          <a:off x="1187864" y="305015"/>
          <a:ext cx="2905190" cy="907872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14932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i="0" kern="1200" dirty="0">
              <a:solidFill>
                <a:schemeClr val="bg2">
                  <a:lumMod val="50000"/>
                </a:schemeClr>
              </a:solidFill>
            </a:rPr>
            <a:t>ROC</a:t>
          </a:r>
          <a:endParaRPr lang="en-US" sz="16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1187864" y="305015"/>
        <a:ext cx="2905190" cy="907872"/>
      </dsp:txXfrm>
    </dsp:sp>
    <dsp:sp modelId="{AE5F7C4C-7681-4FC2-BF28-8581626B074A}">
      <dsp:nvSpPr>
        <dsp:cNvPr id="0" name=""/>
        <dsp:cNvSpPr/>
      </dsp:nvSpPr>
      <dsp:spPr>
        <a:xfrm>
          <a:off x="798140" y="40359"/>
          <a:ext cx="1172860" cy="1220304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5DEE0890-FBEB-44D6-A343-7436A21F45A5}">
      <dsp:nvSpPr>
        <dsp:cNvPr id="0" name=""/>
        <dsp:cNvSpPr/>
      </dsp:nvSpPr>
      <dsp:spPr>
        <a:xfrm>
          <a:off x="4615783" y="305015"/>
          <a:ext cx="2905190" cy="907872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14932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i="0" kern="1200" dirty="0">
              <a:solidFill>
                <a:schemeClr val="bg2">
                  <a:lumMod val="50000"/>
                </a:schemeClr>
              </a:solidFill>
            </a:rPr>
            <a:t>AUC</a:t>
          </a:r>
          <a:endParaRPr lang="en-US" sz="1600" b="1" kern="1200" dirty="0">
            <a:solidFill>
              <a:schemeClr val="bg2">
                <a:lumMod val="50000"/>
              </a:schemeClr>
            </a:solidFill>
          </a:endParaRPr>
        </a:p>
      </dsp:txBody>
      <dsp:txXfrm>
        <a:off x="4615783" y="305015"/>
        <a:ext cx="2905190" cy="907872"/>
      </dsp:txXfrm>
    </dsp:sp>
    <dsp:sp modelId="{3C03FC63-5BA4-41E7-90E4-9364DEB489CC}">
      <dsp:nvSpPr>
        <dsp:cNvPr id="0" name=""/>
        <dsp:cNvSpPr/>
      </dsp:nvSpPr>
      <dsp:spPr>
        <a:xfrm>
          <a:off x="4236672" y="41074"/>
          <a:ext cx="1151634" cy="1218874"/>
        </a:xfrm>
        <a:prstGeom prst="ellipse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A531D577-A6F8-49AE-9C01-DFB4EFBDC55B}">
      <dsp:nvSpPr>
        <dsp:cNvPr id="0" name=""/>
        <dsp:cNvSpPr/>
      </dsp:nvSpPr>
      <dsp:spPr>
        <a:xfrm>
          <a:off x="1162125" y="1628505"/>
          <a:ext cx="2905190" cy="907872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14932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chemeClr val="bg2">
                  <a:lumMod val="50000"/>
                </a:schemeClr>
              </a:solidFill>
            </a:rPr>
            <a:t>Accuracy</a:t>
          </a:r>
        </a:p>
      </dsp:txBody>
      <dsp:txXfrm>
        <a:off x="1162125" y="1628505"/>
        <a:ext cx="2905190" cy="907872"/>
      </dsp:txXfrm>
    </dsp:sp>
    <dsp:sp modelId="{CA09D3F9-C7DC-410A-A2E9-40BDB57BD6DE}">
      <dsp:nvSpPr>
        <dsp:cNvPr id="0" name=""/>
        <dsp:cNvSpPr/>
      </dsp:nvSpPr>
      <dsp:spPr>
        <a:xfrm>
          <a:off x="824824" y="1364564"/>
          <a:ext cx="1068013" cy="1218874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FE834409-1EDD-499E-8536-44B5577C6418}">
      <dsp:nvSpPr>
        <dsp:cNvPr id="0" name=""/>
        <dsp:cNvSpPr/>
      </dsp:nvSpPr>
      <dsp:spPr>
        <a:xfrm>
          <a:off x="4589100" y="1628505"/>
          <a:ext cx="2905190" cy="907872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14932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chemeClr val="bg2">
                  <a:lumMod val="50000"/>
                </a:schemeClr>
              </a:solidFill>
            </a:rPr>
            <a:t>Precision</a:t>
          </a:r>
        </a:p>
      </dsp:txBody>
      <dsp:txXfrm>
        <a:off x="4589100" y="1628505"/>
        <a:ext cx="2905190" cy="907872"/>
      </dsp:txXfrm>
    </dsp:sp>
    <dsp:sp modelId="{3F6E7299-7A8F-42BE-A62E-3CFC4E73E4C8}">
      <dsp:nvSpPr>
        <dsp:cNvPr id="0" name=""/>
        <dsp:cNvSpPr/>
      </dsp:nvSpPr>
      <dsp:spPr>
        <a:xfrm>
          <a:off x="4210932" y="1364564"/>
          <a:ext cx="1149746" cy="1218874"/>
        </a:xfrm>
        <a:prstGeom prst="ellipse">
          <a:avLst/>
        </a:prstGeom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7D4F8C35-0E73-460E-810C-D5C6C2E4D4AC}">
      <dsp:nvSpPr>
        <dsp:cNvPr id="0" name=""/>
        <dsp:cNvSpPr/>
      </dsp:nvSpPr>
      <dsp:spPr>
        <a:xfrm>
          <a:off x="1182558" y="2951995"/>
          <a:ext cx="2905190" cy="907872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14932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chemeClr val="bg2">
                  <a:lumMod val="50000"/>
                </a:schemeClr>
              </a:solidFill>
            </a:rPr>
            <a:t>Recall</a:t>
          </a:r>
        </a:p>
      </dsp:txBody>
      <dsp:txXfrm>
        <a:off x="1182558" y="2951995"/>
        <a:ext cx="2905190" cy="907872"/>
      </dsp:txXfrm>
    </dsp:sp>
    <dsp:sp modelId="{1DF4C7A9-5F20-4992-81E3-79C228287363}">
      <dsp:nvSpPr>
        <dsp:cNvPr id="0" name=""/>
        <dsp:cNvSpPr/>
      </dsp:nvSpPr>
      <dsp:spPr>
        <a:xfrm>
          <a:off x="782831" y="2727698"/>
          <a:ext cx="1172860" cy="1220304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  <dsp:sp modelId="{59738B24-2D65-411B-A331-1C34DDDBA901}">
      <dsp:nvSpPr>
        <dsp:cNvPr id="0" name=""/>
        <dsp:cNvSpPr/>
      </dsp:nvSpPr>
      <dsp:spPr>
        <a:xfrm>
          <a:off x="4621090" y="2951995"/>
          <a:ext cx="2905190" cy="907872"/>
        </a:xfrm>
        <a:prstGeom prst="rect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14932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chemeClr val="bg2">
                  <a:lumMod val="50000"/>
                </a:schemeClr>
              </a:solidFill>
            </a:rPr>
            <a:t>F1 Score</a:t>
          </a:r>
        </a:p>
      </dsp:txBody>
      <dsp:txXfrm>
        <a:off x="4621090" y="2951995"/>
        <a:ext cx="2905190" cy="907872"/>
      </dsp:txXfrm>
    </dsp:sp>
    <dsp:sp modelId="{7CEA3820-324D-48E5-BEF6-E0200419C4B9}">
      <dsp:nvSpPr>
        <dsp:cNvPr id="0" name=""/>
        <dsp:cNvSpPr/>
      </dsp:nvSpPr>
      <dsp:spPr>
        <a:xfrm>
          <a:off x="4231365" y="2687339"/>
          <a:ext cx="1172860" cy="1220304"/>
        </a:xfrm>
        <a:prstGeom prst="ellipse">
          <a:avLst/>
        </a:prstGeom>
        <a:blipFill>
          <a:blip xmlns:r="http://schemas.openxmlformats.org/officeDocument/2006/relationships"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t="-3000" b="-3000"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ED4F3A6-6A41-49A1-BDD8-7667B615267B}">
      <dsp:nvSpPr>
        <dsp:cNvPr id="0" name=""/>
        <dsp:cNvSpPr/>
      </dsp:nvSpPr>
      <dsp:spPr>
        <a:xfrm>
          <a:off x="2134" y="0"/>
          <a:ext cx="666727" cy="666727"/>
        </a:xfrm>
        <a:prstGeom prst="ellipse">
          <a:avLst/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30691BD-75AF-44BD-8A68-6FF8D23ABD82}">
      <dsp:nvSpPr>
        <dsp:cNvPr id="0" name=""/>
        <dsp:cNvSpPr/>
      </dsp:nvSpPr>
      <dsp:spPr>
        <a:xfrm>
          <a:off x="68807" y="66672"/>
          <a:ext cx="533382" cy="533382"/>
        </a:xfrm>
        <a:prstGeom prst="chord">
          <a:avLst>
            <a:gd name="adj1" fmla="val 1168272"/>
            <a:gd name="adj2" fmla="val 9631728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C9BCECD-3112-4107-9E4C-D63B85C4E451}">
      <dsp:nvSpPr>
        <dsp:cNvPr id="0" name=""/>
        <dsp:cNvSpPr/>
      </dsp:nvSpPr>
      <dsp:spPr>
        <a:xfrm>
          <a:off x="807763" y="666727"/>
          <a:ext cx="1972402" cy="280581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30480" rIns="30480" bIns="30480" numCol="1" spcCol="1270" anchor="t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kern="1200" dirty="0"/>
            <a:t>- Model deployed in parallel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kern="1200" dirty="0"/>
            <a:t>- No without effect on the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kern="1200" dirty="0"/>
            <a:t>  selectivity results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kern="1200" dirty="0"/>
            <a:t>- Performance measure and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kern="1200" dirty="0"/>
            <a:t>  further analysis.</a:t>
          </a:r>
        </a:p>
      </dsp:txBody>
      <dsp:txXfrm>
        <a:off x="807763" y="666727"/>
        <a:ext cx="1972402" cy="2805812"/>
      </dsp:txXfrm>
    </dsp:sp>
    <dsp:sp modelId="{16C1C60B-8ACF-401F-AA09-A60CEADF874D}">
      <dsp:nvSpPr>
        <dsp:cNvPr id="0" name=""/>
        <dsp:cNvSpPr/>
      </dsp:nvSpPr>
      <dsp:spPr>
        <a:xfrm>
          <a:off x="807763" y="0"/>
          <a:ext cx="1972402" cy="66672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30480" rIns="30480" bIns="30480" numCol="1" spcCol="1270" anchor="b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/>
            <a:t>Stage</a:t>
          </a:r>
          <a:r>
            <a:rPr lang="en-US" sz="1200" b="1" kern="1200" baseline="0" dirty="0"/>
            <a:t> 1 – 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baseline="0" dirty="0"/>
            <a:t>Shadow Deployment</a:t>
          </a:r>
          <a:endParaRPr lang="en-US" sz="1200" b="1" kern="1200" dirty="0"/>
        </a:p>
      </dsp:txBody>
      <dsp:txXfrm>
        <a:off x="807763" y="0"/>
        <a:ext cx="1972402" cy="666727"/>
      </dsp:txXfrm>
    </dsp:sp>
    <dsp:sp modelId="{1D1F4787-C75A-4E96-9930-D1B3FDC1A422}">
      <dsp:nvSpPr>
        <dsp:cNvPr id="0" name=""/>
        <dsp:cNvSpPr/>
      </dsp:nvSpPr>
      <dsp:spPr>
        <a:xfrm>
          <a:off x="2919068" y="0"/>
          <a:ext cx="666727" cy="666727"/>
        </a:xfrm>
        <a:prstGeom prst="ellipse">
          <a:avLst/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CEC152E-37E1-494D-AFA9-FA137EC4E0FC}">
      <dsp:nvSpPr>
        <dsp:cNvPr id="0" name=""/>
        <dsp:cNvSpPr/>
      </dsp:nvSpPr>
      <dsp:spPr>
        <a:xfrm>
          <a:off x="2985740" y="66672"/>
          <a:ext cx="533382" cy="533382"/>
        </a:xfrm>
        <a:prstGeom prst="chord">
          <a:avLst>
            <a:gd name="adj1" fmla="val 20431728"/>
            <a:gd name="adj2" fmla="val 11968272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A8AA4D2-4AE2-4423-862B-100883B6CD7C}">
      <dsp:nvSpPr>
        <dsp:cNvPr id="0" name=""/>
        <dsp:cNvSpPr/>
      </dsp:nvSpPr>
      <dsp:spPr>
        <a:xfrm>
          <a:off x="3724697" y="666727"/>
          <a:ext cx="1972402" cy="280581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30480" rIns="30480" bIns="30480" numCol="1" spcCol="1270" anchor="t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- 10% of import declarations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   exposed to the model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- Impact and measuring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   performance 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- Definition of integration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   with RMS.</a:t>
          </a:r>
          <a:endParaRPr lang="en-US" sz="1200" kern="1200" dirty="0"/>
        </a:p>
      </dsp:txBody>
      <dsp:txXfrm>
        <a:off x="3724697" y="666727"/>
        <a:ext cx="1972402" cy="2805812"/>
      </dsp:txXfrm>
    </dsp:sp>
    <dsp:sp modelId="{CD40B2F4-B65E-4489-A0E1-0CC4915ED9CA}">
      <dsp:nvSpPr>
        <dsp:cNvPr id="0" name=""/>
        <dsp:cNvSpPr/>
      </dsp:nvSpPr>
      <dsp:spPr>
        <a:xfrm>
          <a:off x="3724697" y="0"/>
          <a:ext cx="1972402" cy="66672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30480" rIns="30480" bIns="30480" numCol="1" spcCol="1270" anchor="b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/>
            <a:t>Stage 2 –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/>
            <a:t>Canary Deployment</a:t>
          </a:r>
        </a:p>
      </dsp:txBody>
      <dsp:txXfrm>
        <a:off x="3724697" y="0"/>
        <a:ext cx="1972402" cy="666727"/>
      </dsp:txXfrm>
    </dsp:sp>
    <dsp:sp modelId="{3547D94A-1638-46D7-8E01-1A59D5D7E87F}">
      <dsp:nvSpPr>
        <dsp:cNvPr id="0" name=""/>
        <dsp:cNvSpPr/>
      </dsp:nvSpPr>
      <dsp:spPr>
        <a:xfrm>
          <a:off x="5836001" y="0"/>
          <a:ext cx="666727" cy="666727"/>
        </a:xfrm>
        <a:prstGeom prst="ellipse">
          <a:avLst/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877C8DB-7601-4161-9816-8AAA6237A40B}">
      <dsp:nvSpPr>
        <dsp:cNvPr id="0" name=""/>
        <dsp:cNvSpPr/>
      </dsp:nvSpPr>
      <dsp:spPr>
        <a:xfrm>
          <a:off x="5902674" y="66672"/>
          <a:ext cx="533382" cy="533382"/>
        </a:xfrm>
        <a:prstGeom prst="chord">
          <a:avLst>
            <a:gd name="adj1" fmla="val 16200000"/>
            <a:gd name="adj2" fmla="val 162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F1A4395-B6C8-4D82-B759-554A0017F513}">
      <dsp:nvSpPr>
        <dsp:cNvPr id="0" name=""/>
        <dsp:cNvSpPr/>
      </dsp:nvSpPr>
      <dsp:spPr>
        <a:xfrm>
          <a:off x="6641630" y="666727"/>
          <a:ext cx="1972402" cy="280581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30480" rIns="30480" bIns="30480" numCol="1" spcCol="1270" anchor="t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- Model integrated with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   RMS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- Reduction of targeted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  physical inspection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  achieved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- Model monitoring, 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  continuous improvement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200" b="0" i="0" kern="1200" dirty="0"/>
            <a:t>  and re-training</a:t>
          </a:r>
          <a:endParaRPr lang="en-US" sz="1100" kern="1200" dirty="0"/>
        </a:p>
      </dsp:txBody>
      <dsp:txXfrm>
        <a:off x="6641630" y="666727"/>
        <a:ext cx="1972402" cy="2805812"/>
      </dsp:txXfrm>
    </dsp:sp>
    <dsp:sp modelId="{B3005364-2C9A-4E0F-B004-D33BF60A8EFC}">
      <dsp:nvSpPr>
        <dsp:cNvPr id="0" name=""/>
        <dsp:cNvSpPr/>
      </dsp:nvSpPr>
      <dsp:spPr>
        <a:xfrm>
          <a:off x="6641630" y="0"/>
          <a:ext cx="1972402" cy="66672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30480" rIns="30480" bIns="30480" numCol="1" spcCol="1270" anchor="b" anchorCtr="0">
          <a:noAutofit/>
        </a:bodyPr>
        <a:lstStyle/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/>
            <a:t>Stage 3 – </a:t>
          </a:r>
        </a:p>
        <a:p>
          <a:pPr marL="0" lvl="0" indent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1" kern="1200" dirty="0"/>
            <a:t>AI-RMS Final Integration (Blue/Green Deployment)</a:t>
          </a:r>
        </a:p>
      </dsp:txBody>
      <dsp:txXfrm>
        <a:off x="6641630" y="0"/>
        <a:ext cx="1972402" cy="66672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3">
  <dgm:title val=""/>
  <dgm:desc val=""/>
  <dgm:catLst>
    <dgm:cat type="list" pri="14000"/>
    <dgm:cat type="convert" pri="3000"/>
    <dgm:cat type="picture" pri="27000"/>
    <dgm:cat type="pictureconvert" pri="27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dir/>
      <dgm:resizeHandles val="exact"/>
    </dgm:varLst>
    <dgm:alg type="lin">
      <dgm:param type="linDir" val="fromT"/>
      <dgm:param type="vertAlign" val="mid"/>
      <dgm:param type="horzAlign" val="ctr"/>
    </dgm:alg>
    <dgm:shape xmlns:r="http://schemas.openxmlformats.org/officeDocument/2006/relationships" r:blip="">
      <dgm:adjLst/>
    </dgm:shape>
    <dgm:presOf/>
    <dgm:constrLst>
      <dgm:constr type="w" for="ch" forName="composite" refType="w"/>
      <dgm:constr type="h" for="ch" forName="composite" refType="h"/>
      <dgm:constr type="h" for="ch" forName="spacing" refType="h" refFor="ch" refForName="composite" fact="0.25"/>
      <dgm:constr type="h" for="ch" forName="spacing" refType="w" op="lte" fact="0.1"/>
      <dgm:constr type="primFontSz" for="des" ptType="node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l" for="ch" forName="imgShp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l" for="ch" forName="txShp" refType="w" refFor="ch" refForName="imgShp" fact="0.5"/>
              <dgm:constr type="lMarg" for="ch" forName="txShp" refType="w" refFor="ch" refForName="imgShp" fact="1.25"/>
            </dgm:constrLst>
          </dgm:if>
          <dgm:else name="Name3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r" for="ch" forName="imgShp" refType="w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r" for="ch" forName="txShp" refType="ctrX" refFor="ch" refForName="imgShp"/>
              <dgm:constr type="rMarg" for="ch" forName="txShp" refType="w" refFor="ch" refForName="imgShp" fact="1.25"/>
            </dgm:constrLst>
          </dgm:else>
        </dgm:choose>
        <dgm:ruleLst/>
        <dgm:layoutNode name="imgShp" styleLbl="fgImgPlac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  <dgm:layoutNode name="txShp">
          <dgm:varLst>
            <dgm:bulletEnabled val="1"/>
          </dgm:varLst>
          <dgm:alg type="tx"/>
          <dgm:choose name="Name4">
            <dgm:if name="Name5" func="var" arg="dir" op="equ" val="norm">
              <dgm:shape xmlns:r="http://schemas.openxmlformats.org/officeDocument/2006/relationships" rot="180" type="homePlate" r:blip="" zOrderOff="-1">
                <dgm:adjLst/>
              </dgm:shape>
            </dgm:if>
            <dgm:else name="Name6">
              <dgm:shape xmlns:r="http://schemas.openxmlformats.org/officeDocument/2006/relationships" type="homePlate" r:blip="" zOrderOff="-1">
                <dgm:adjLst/>
              </dgm:shape>
            </dgm:else>
          </dgm:choose>
          <dgm:presOf axis="desOrSelf" ptType="node"/>
          <dgm:constrLst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Name7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2">
  <dgm:title val=""/>
  <dgm:desc val=""/>
  <dgm:catLst>
    <dgm:cat type="list" pri="6000"/>
    <dgm:cat type="relationship" pri="16000"/>
    <dgm:cat type="picture" pri="29000"/>
    <dgm:cat type="pictureconvert" pri="2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/>
    </dgm:varLst>
    <dgm:choose name="Name0">
      <dgm:if name="Name1" func="var" arg="dir" op="equ" val="norm">
        <dgm:alg type="lin">
          <dgm:param type="linDir" val="fromL"/>
          <dgm:param type="nodeVertAlign" val="t"/>
        </dgm:alg>
      </dgm:if>
      <dgm:else name="Name2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ositeNode" refType="w"/>
      <dgm:constr type="h" for="ch" forName="compositeNode" refType="h"/>
      <dgm:constr type="w" for="ch" forName="sibTrans" refType="w" refFor="ch" refForName="compositeNode" op="equ" fact="0.2"/>
      <dgm:constr type="h" for="des" forName="childNode" op="equ"/>
      <dgm:constr type="w" for="des" forName="childNode" op="equ"/>
      <dgm:constr type="w" for="des" forName="parentNode" op="equ"/>
      <dgm:constr type="h" for="des" forName="image" op="equ"/>
      <dgm:constr type="w" for="des" forName="image" op="equ"/>
      <dgm:constr type="primFontSz" for="des" forName="parentNode" op="equ" val="65"/>
      <dgm:constr type="primFontSz" for="des" forName="childNode" op="equ" val="65"/>
    </dgm:constrLst>
    <dgm:ruleLst/>
    <dgm:forEach name="Name3" axis="ch" ptType="node">
      <dgm:layoutNode name="compositeNode">
        <dgm:varLst>
          <dgm:bulletEnabled val="1"/>
        </dgm:varLst>
        <dgm:alg type="composite"/>
        <dgm:presOf/>
        <dgm:choose name="Name4">
          <dgm:if name="Name5" func="var" arg="dir" op="equ" val="norm">
            <dgm:constrLst>
              <dgm:constr type="w" for="ch" forName="image" refType="w"/>
              <dgm:constr type="h" for="ch" forName="image" refType="h"/>
              <dgm:constr type="h" for="ch" forName="image" refType="w" refFor="ch" refForName="image" op="lte"/>
              <dgm:constr type="w" for="ch" forName="image" refType="h" refFor="ch" refForName="image" op="lte"/>
              <dgm:constr type="w" for="ch" forName="image" refType="w" op="lte" fact="0.33"/>
              <dgm:constr type="h" for="ch" forName="image" refType="h" op="lte" fact="0.33"/>
              <dgm:constr type="t" for="ch" forName="image"/>
              <dgm:constr type="l" for="ch" forName="image"/>
              <dgm:constr type="w" for="ch" forName="childNode" refType="w" fact="0.85"/>
              <dgm:constr type="h" for="ch" forName="childNode" refType="h" fact="0.78"/>
              <dgm:constr type="t" for="ch" forName="childNode" refType="h" refFor="ch" refForName="image" fact="0.66"/>
              <dgm:constr type="l" for="ch" forName="childNode" refType="w" refFor="ch" refForName="image" fact="0.5"/>
              <dgm:constr type="tMarg" for="ch" forName="childNode" refType="w" refFor="ch" refForName="image" fact="1.25"/>
              <dgm:constr type="t" for="ch" forName="parentNode" refType="h" refFor="ch" refForName="image" fact="0.66"/>
              <dgm:constr type="b" for="ch" forName="parentNode" refType="b" refFor="ch" refForName="childNode"/>
              <dgm:constr type="l" for="ch" forName="parentNode"/>
              <dgm:constr type="r" for="ch" forName="parentNode" refType="l" refFor="ch" refForName="childNode"/>
              <dgm:constr type="rMarg" for="ch" forName="parentNode" refType="w" refFor="ch" refForName="image" fact="1.25"/>
            </dgm:constrLst>
          </dgm:if>
          <dgm:else name="Name6">
            <dgm:constrLst>
              <dgm:constr type="w" for="ch" forName="image" refType="w"/>
              <dgm:constr type="h" for="ch" forName="image" refType="h"/>
              <dgm:constr type="h" for="ch" forName="image" refType="w" refFor="ch" refForName="image" op="lte"/>
              <dgm:constr type="w" for="ch" forName="image" refType="h" refFor="ch" refForName="image" op="lte"/>
              <dgm:constr type="w" for="ch" forName="image" refType="w" op="lte" fact="0.33"/>
              <dgm:constr type="h" for="ch" forName="image" refType="h" op="lte" fact="0.33"/>
              <dgm:constr type="t" for="ch" forName="image"/>
              <dgm:constr type="r" for="ch" forName="image" refType="w"/>
              <dgm:constr type="w" for="ch" forName="childNode" refType="w" fact="0.85"/>
              <dgm:constr type="h" for="ch" forName="childNode" refType="h" fact="0.78"/>
              <dgm:constr type="t" for="ch" forName="childNode" refType="h" refFor="ch" refForName="image" fact="0.66"/>
              <dgm:constr type="r" for="ch" forName="childNode" refType="w"/>
              <dgm:constr type="rOff" for="ch" forName="childNode" refType="w" refFor="ch" refForName="image" fact="-0.5"/>
              <dgm:constr type="tMarg" for="ch" forName="childNode" refType="w" refFor="ch" refForName="image" fact="1.25"/>
              <dgm:constr type="t" for="ch" forName="parentNode" refType="h" refFor="ch" refForName="image" fact="0.66"/>
              <dgm:constr type="b" for="ch" forName="parentNode" refType="b" refFor="ch" refForName="childNode"/>
              <dgm:constr type="r" for="ch" forName="parentNode" refType="w"/>
              <dgm:constr type="l" for="ch" forName="parentNode" refType="r" refFor="ch" refForName="childNode"/>
              <dgm:constr type="lOff" for="ch" forName="parentNode" refType="rOff" refFor="ch" refForName="childNode"/>
              <dgm:constr type="lMarg" for="ch" forName="parentNode" refType="w" refFor="ch" refForName="image" fact="1.25"/>
            </dgm:constrLst>
          </dgm:else>
        </dgm:choose>
        <dgm:ruleLst>
          <dgm:rule type="w" for="ch" forName="childNode" val="NaN" fact="0.4" max="NaN"/>
          <dgm:rule type="h" for="ch" forName="childNode" val="NaN" fact="0.5" max="NaN"/>
        </dgm:ruleLst>
        <dgm:layoutNode name="image" styleLbl="fgImgPlace1">
          <dgm:alg type="sp"/>
          <dgm:shape xmlns:r="http://schemas.openxmlformats.org/officeDocument/2006/relationships" type="rect" r:blip="" zOrderOff="4" blipPhldr="1">
            <dgm:adjLst/>
          </dgm:shape>
          <dgm:presOf/>
          <dgm:constrLst/>
          <dgm:ruleLst/>
        </dgm:layoutNode>
        <dgm:layoutNode name="childNode" styleLbl="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 zOrderOff="2">
            <dgm:adjLst/>
          </dgm:shape>
          <dgm:presOf axis="des" ptType="node"/>
          <dgm:constrLst/>
          <dgm:ruleLst>
            <dgm:rule type="primFontSz" val="5" fact="NaN" max="NaN"/>
          </dgm:ruleLst>
        </dgm:layoutNode>
        <dgm:layoutNode name="parentNode" styleLbl="revTx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autoTxRot" val="grav"/>
                <dgm:param type="txAnchorVert" val="t"/>
                <dgm:param type="parTxLTRAlign" val="r"/>
                <dgm:param type="parTxRTLAlign" val="r"/>
              </dgm:alg>
              <dgm:shape xmlns:r="http://schemas.openxmlformats.org/officeDocument/2006/relationships" rot="270" type="rect" r:blip="">
                <dgm:adjLst/>
              </dgm:shape>
              <dgm:presOf axis="self"/>
              <dgm:constrLst>
                <dgm:constr type="lMarg"/>
                <dgm:constr type="bMarg"/>
                <dgm:constr type="tMarg"/>
              </dgm:constrLst>
            </dgm:if>
            <dgm:else name="Name9">
              <dgm:alg type="tx">
                <dgm:param type="autoTxRot" val="grav"/>
                <dgm:param type="parTxLTRAlign" val="l"/>
                <dgm:param type="parTxRTLAlign" val="l"/>
              </dgm:alg>
              <dgm:shape xmlns:r="http://schemas.openxmlformats.org/officeDocument/2006/relationships" rot="90" type="rect" r:blip="">
                <dgm:adjLst/>
              </dgm:shape>
              <dgm:presOf axis="self"/>
              <dgm:constrLst>
                <dgm:constr type="rMarg"/>
                <dgm:constr type="bMarg"/>
                <dgm:constr type="tMarg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9">
  <dgm:title val=""/>
  <dgm:desc val=""/>
  <dgm:catLst>
    <dgm:cat type="list" pri="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3" srcId="0" destId="1" srcOrd="0" destOrd="0"/>
        <dgm:cxn modelId="4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2"/>
        <dgm:pt modelId="21"/>
        <dgm:pt modelId="22"/>
        <dgm:pt modelId="23"/>
        <dgm:pt modelId="24"/>
        <dgm:pt modelId="3"/>
        <dgm:pt modelId="31"/>
        <dgm:pt modelId="32"/>
        <dgm:pt modelId="33"/>
        <dgm:pt modelId="34"/>
      </dgm:ptLst>
      <dgm:cxnLst>
        <dgm:cxn modelId="4" srcId="0" destId="1" srcOrd="0" destOrd="0"/>
        <dgm:cxn modelId="5" srcId="0" destId="2" srcOrd="1" destOrd="0"/>
        <dgm:cxn modelId="6" srcId="0" destId="3" srcOrd="1" destOrd="0"/>
        <dgm:cxn modelId="15" srcId="1" destId="11" srcOrd="0" destOrd="0"/>
        <dgm:cxn modelId="16" srcId="1" destId="12" srcOrd="0" destOrd="0"/>
        <dgm:cxn modelId="17" srcId="1" destId="13" srcOrd="0" destOrd="0"/>
        <dgm:cxn modelId="18" srcId="1" destId="14" srcOrd="0" destOrd="0"/>
        <dgm:cxn modelId="25" srcId="2" destId="21" srcOrd="0" destOrd="0"/>
        <dgm:cxn modelId="26" srcId="2" destId="22" srcOrd="0" destOrd="0"/>
        <dgm:cxn modelId="27" srcId="2" destId="23" srcOrd="0" destOrd="0"/>
        <dgm:cxn modelId="28" srcId="2" destId="24" srcOrd="0" destOrd="0"/>
        <dgm:cxn modelId="35" srcId="3" destId="31" srcOrd="0" destOrd="0"/>
        <dgm:cxn modelId="36" srcId="3" destId="32" srcOrd="0" destOrd="0"/>
        <dgm:cxn modelId="37" srcId="3" destId="33" srcOrd="0" destOrd="0"/>
        <dgm:cxn modelId="38" srcId="3" destId="34" srcOrd="0" destOrd="0"/>
      </dgm:cxnLst>
      <dgm:bg/>
      <dgm:whole/>
    </dgm:dataModel>
  </dgm:clrData>
  <dgm:layoutNode name="list">
    <dgm:varLst>
      <dgm:dir/>
      <dgm:animLvl val="lvl"/>
    </dgm:varLst>
    <dgm:choose name="Name0">
      <dgm:if name="Name1" func="var" arg="dir" op="equ" val="norm">
        <dgm:alg type="lin">
          <dgm:param type="linDir" val="fromL"/>
          <dgm:param type="fallback" val="2D"/>
          <dgm:param type="nodeVertAlign" val="t"/>
        </dgm:alg>
      </dgm:if>
      <dgm:else name="Name2">
        <dgm:alg type="lin">
          <dgm:param type="linDir" val="fromR"/>
          <dgm:param type="fallback" val="2D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ircle" refType="w" fact="0.5"/>
      <dgm:constr type="w" for="ch" forName="vertFlow" refType="w" fact="0.75"/>
      <dgm:constr type="h" for="des" forName="firstComp" refType="w" refFor="ch" refForName="vertFlow" fact="0.667"/>
      <dgm:constr type="h" for="des" forName="comp" refType="h" refFor="des" refForName="firstComp" op="equ"/>
      <dgm:constr type="h" for="des" forName="topSpace" refType="w" refFor="ch" refForName="circle" op="equ" fact="0.4"/>
      <dgm:constr type="w" for="ch" forName="posSpace" refType="w" fact="0.4"/>
      <dgm:constr type="w" for="ch" forName="negSpace" refType="w" fact="-1.15"/>
      <dgm:constr type="w" for="ch" forName="transSpace" refType="w" fact="0.75"/>
      <dgm:constr type="primFontSz" for="ch" forName="circle" op="equ" val="65"/>
      <dgm:constr type="primFontSz" for="des" forName="firstChildTx" val="65"/>
      <dgm:constr type="primFontSz" for="des" forName="childTx" refType="primFontSz" refFor="des" refForName="firstChildTx" op="equ"/>
    </dgm:constrLst>
    <dgm:ruleLst/>
    <dgm:forEach name="Name3" axis="ch" ptType="node">
      <dgm:layoutNode name="pos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vertFlow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firstComp" refType="w"/>
          <dgm:constr type="w" for="ch" forName="comp" refType="w"/>
        </dgm:constrLst>
        <dgm:ruleLst/>
        <dgm:layoutNode name="top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firstComp">
          <dgm:alg type="composite"/>
          <dgm:shape xmlns:r="http://schemas.openxmlformats.org/officeDocument/2006/relationships" r:blip="">
            <dgm:adjLst/>
          </dgm:shape>
          <dgm:presOf/>
          <dgm:choose name="Name4">
            <dgm:if name="Name5" func="var" arg="dir" op="equ" val="norm">
              <dgm:constrLst>
                <dgm:constr type="l" for="ch" forName="firstChild"/>
                <dgm:constr type="t" for="ch" forName="firstChild"/>
                <dgm:constr type="w" for="ch" forName="firstChild" refType="w"/>
                <dgm:constr type="h" for="ch" forName="firstChild" refType="h"/>
                <dgm:constr type="l" for="ch" forName="firstChildTx" refType="w" fact="0.16"/>
                <dgm:constr type="r" for="ch" forName="firstChildTx" refType="w"/>
                <dgm:constr type="h" for="ch" forName="firstChildTx" refFor="ch" refForName="firstChild" op="equ"/>
              </dgm:constrLst>
            </dgm:if>
            <dgm:else name="Name6">
              <dgm:constrLst>
                <dgm:constr type="l" for="ch" forName="firstChild"/>
                <dgm:constr type="t" for="ch" forName="firstChild"/>
                <dgm:constr type="w" for="ch" forName="firstChild" refType="w"/>
                <dgm:constr type="h" for="ch" forName="firstChild" refType="h"/>
                <dgm:constr type="l" for="ch" forName="firstChildTx"/>
                <dgm:constr type="r" for="ch" forName="firstChildTx" refType="w" fact="0.825"/>
                <dgm:constr type="h" for="ch" forName="firstChildTx" refFor="ch" refForName="firstChild" op="equ"/>
              </dgm:constrLst>
            </dgm:else>
          </dgm:choose>
          <dgm:ruleLst/>
          <dgm:layoutNode name="firstChild" styleLbl="bgAccFollowNode1">
            <dgm:alg type="sp"/>
            <dgm:shape xmlns:r="http://schemas.openxmlformats.org/officeDocument/2006/relationships" type="rect" r:blip="">
              <dgm:adjLst/>
            </dgm:shape>
            <dgm:presOf axis="ch desOrSelf" ptType="node node" cnt="1 0"/>
            <dgm:constrLst/>
            <dgm:ruleLst/>
          </dgm:layoutNode>
          <dgm:layoutNode name="firstChildTx" styleLbl="bgAccFollowNode1">
            <dgm:varLst>
              <dgm:bulletEnabled val="1"/>
            </dgm:varLst>
            <dgm:alg type="tx">
              <dgm:param type="parTxLTRAlign" val="l"/>
            </dgm:alg>
            <dgm:shape xmlns:r="http://schemas.openxmlformats.org/officeDocument/2006/relationships" type="rect" r:blip="" hideGeom="1">
              <dgm:adjLst/>
            </dgm:shape>
            <dgm:presOf axis="ch desOrSelf" ptType="node node" cnt="1 0"/>
            <dgm:choose name="Name7">
              <dgm:if name="Name8" func="var" arg="dir" op="equ" val="norm">
                <dgm:constrLst>
                  <dgm:constr type="primFontSz" val="65"/>
                  <dgm:constr type="lMarg"/>
                </dgm:constrLst>
              </dgm:if>
              <dgm:else name="Name9">
                <dgm:constrLst>
                  <dgm:constr type="primFontSz" val="65"/>
                  <dgm:constr type="rMarg"/>
                </dgm:constrLst>
              </dgm:else>
            </dgm:choose>
            <dgm:ruleLst>
              <dgm:rule type="primFontSz" val="5" fact="NaN" max="NaN"/>
            </dgm:ruleLst>
          </dgm:layoutNode>
        </dgm:layoutNode>
        <dgm:forEach name="Name10" axis="ch" ptType="node" st="2">
          <dgm:layoutNode name="comp">
            <dgm:alg type="composite"/>
            <dgm:shape xmlns:r="http://schemas.openxmlformats.org/officeDocument/2006/relationships" r:blip="">
              <dgm:adjLst/>
            </dgm:shape>
            <dgm:presOf/>
            <dgm:choose name="Name11">
              <dgm:if name="Name12" func="var" arg="dir" op="equ" val="norm">
                <dgm:constrLst>
                  <dgm:constr type="l" for="ch" forName="child"/>
                  <dgm:constr type="t" for="ch" forName="child"/>
                  <dgm:constr type="w" for="ch" forName="child" refType="w"/>
                  <dgm:constr type="h" for="ch" forName="child" refType="h"/>
                  <dgm:constr type="l" for="ch" forName="childTx" refType="w" fact="0.16"/>
                  <dgm:constr type="r" for="ch" forName="childTx" refType="w"/>
                  <dgm:constr type="h" for="ch" forName="childTx" refFor="ch" refForName="child" op="equ"/>
                </dgm:constrLst>
              </dgm:if>
              <dgm:else name="Name13">
                <dgm:constrLst>
                  <dgm:constr type="l" for="ch" forName="child"/>
                  <dgm:constr type="t" for="ch" forName="child"/>
                  <dgm:constr type="w" for="ch" forName="child" refType="w"/>
                  <dgm:constr type="h" for="ch" forName="child" refType="h"/>
                  <dgm:constr type="l" for="ch" forName="childTx"/>
                  <dgm:constr type="r" for="ch" forName="childTx" refType="w" fact="0.825"/>
                  <dgm:constr type="h" for="ch" forName="childTx" refFor="ch" refForName="child" op="equ"/>
                </dgm:constrLst>
              </dgm:else>
            </dgm:choose>
            <dgm:ruleLst/>
            <dgm:layoutNode name="child" styleLbl="bgAccFollowNode1">
              <dgm:alg type="sp"/>
              <dgm:shape xmlns:r="http://schemas.openxmlformats.org/officeDocument/2006/relationships" type="rect" r:blip="">
                <dgm:adjLst/>
              </dgm:shape>
              <dgm:presOf axis="desOrSelf" ptType="node"/>
              <dgm:constrLst/>
              <dgm:ruleLst/>
            </dgm:layoutNode>
            <dgm:layoutNode name="childTx" styleLbl="bgAccFollowNode1">
              <dgm:varLst>
                <dgm:bulletEnabled val="1"/>
              </dgm:varLst>
              <dgm:alg type="tx">
                <dgm:param type="parTxLTRAlign" val="l"/>
              </dgm:alg>
              <dgm:shape xmlns:r="http://schemas.openxmlformats.org/officeDocument/2006/relationships" type="rect" r:blip="" hideGeom="1">
                <dgm:adjLst/>
              </dgm:shape>
              <dgm:presOf axis="desOrSelf" ptType="node"/>
              <dgm:choose name="Name14">
                <dgm:if name="Name15" func="var" arg="dir" op="equ" val="norm">
                  <dgm:constrLst>
                    <dgm:constr type="primFontSz" val="65"/>
                    <dgm:constr type="lMarg"/>
                  </dgm:constrLst>
                </dgm:if>
                <dgm:else name="Name16">
                  <dgm:constrLst>
                    <dgm:constr type="primFontSz" val="65"/>
                    <dgm:constr type="rMarg"/>
                  </dgm:constrLst>
                </dgm:else>
              </dgm:choose>
              <dgm:ruleLst>
                <dgm:rule type="primFontSz" val="5" fact="NaN" max="NaN"/>
              </dgm:ruleLst>
            </dgm:layoutNode>
          </dgm:layoutNode>
        </dgm:forEach>
      </dgm:layoutNode>
      <dgm:layoutNode name="neg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ircle" styleLbl="node1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lMarg"/>
          <dgm:constr type="rMarg"/>
          <dgm:constr type="tMarg"/>
          <dgm:constr type="bMarg"/>
          <dgm:constr type="h" refType="w"/>
        </dgm:constrLst>
        <dgm:ruleLst>
          <dgm:rule type="primFontSz" val="5" fact="NaN" max="NaN"/>
        </dgm:ruleLst>
      </dgm:layoutNode>
      <dgm:forEach name="Name17" axis="followSib" ptType="sibTrans" cnt="1">
        <dgm:layoutNode name="trans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hProcess4">
  <dgm:title val=""/>
  <dgm:desc val=""/>
  <dgm:catLst>
    <dgm:cat type="process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tSp" refType="w"/>
      <dgm:constr type="h" for="ch" forName="tSp" refType="h" fact="0.15"/>
      <dgm:constr type="l" for="ch" forName="tSp"/>
      <dgm:constr type="t" for="ch" forName="tSp"/>
      <dgm:constr type="w" for="ch" forName="bSp" refType="w"/>
      <dgm:constr type="h" for="ch" forName="bSp" refType="h" fact="0.15"/>
      <dgm:constr type="l" for="ch" forName="bSp"/>
      <dgm:constr type="t" for="ch" forName="bSp" refType="h" fact="0.85"/>
      <dgm:constr type="w" for="ch" forName="process" refType="w"/>
      <dgm:constr type="h" for="ch" forName="process" refType="h" fact="0.7"/>
      <dgm:constr type="l" for="ch" forName="process"/>
      <dgm:constr type="t" for="ch" forName="process" refType="h" fact="0.15"/>
    </dgm:constrLst>
    <dgm:ruleLst/>
    <dgm:layoutNode name="tSp">
      <dgm:alg type="sp"/>
      <dgm:shape xmlns:r="http://schemas.openxmlformats.org/officeDocument/2006/relationships" r:blip="">
        <dgm:adjLst/>
      </dgm:shape>
      <dgm:presOf/>
      <dgm:constrLst/>
      <dgm:ruleLst/>
    </dgm:layoutNode>
    <dgm:layoutNode name="bSp">
      <dgm:alg type="sp"/>
      <dgm:shape xmlns:r="http://schemas.openxmlformats.org/officeDocument/2006/relationships" r:blip="">
        <dgm:adjLst/>
      </dgm:shape>
      <dgm:presOf/>
      <dgm:constrLst/>
      <dgm:ruleLst/>
    </dgm:layoutNode>
    <dgm:layoutNode name="process">
      <dgm:choose name="Name1">
        <dgm:if name="Name2" func="var" arg="dir" op="equ" val="norm">
          <dgm:alg type="lin">
            <dgm:param type="linDir" val="fromL"/>
          </dgm:alg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1" refType="w"/>
        <dgm:constr type="w" for="ch" forName="composite2" refType="w" refFor="ch" refForName="composite1" op="equ"/>
        <dgm:constr type="h" for="ch" forName="composite1" refType="h"/>
        <dgm:constr type="h" for="ch" forName="composite2" refType="h" refFor="ch" refForName="composite1" op="equ"/>
        <dgm:constr type="primFontSz" for="des" forName="parentNode1" val="65"/>
        <dgm:constr type="primFontSz" for="des" forName="parentNode2" refType="primFontSz" refFor="des" refForName="parentNode1" op="equ"/>
        <dgm:constr type="secFontSz" for="des" forName="childNode1tx" val="65"/>
        <dgm:constr type="secFontSz" for="des" forName="childNode2tx" refType="secFontSz" refFor="des" refForName="childNode1tx" op="equ"/>
        <dgm:constr type="w" for="des" ptType="sibTrans" refType="w" refFor="ch" refForName="composite1" op="equ" fact="0.05"/>
      </dgm:constrLst>
      <dgm:ruleLst/>
      <dgm:forEach name="Name4" axis="ch" ptType="node" step="2">
        <dgm:layoutNode name="composite1">
          <dgm:alg type="composite">
            <dgm:param type="ar" val="0.943"/>
          </dgm:alg>
          <dgm:shape xmlns:r="http://schemas.openxmlformats.org/officeDocument/2006/relationships" r:blip="">
            <dgm:adjLst/>
          </dgm:shape>
          <dgm:presOf/>
          <dgm:choose name="Name5">
            <dgm:if name="Name6" func="var" arg="dir" op="equ" val="norm">
              <dgm:constrLst>
                <dgm:constr type="h" refType="w" fact="1.06"/>
                <dgm:constr type="w" for="ch" forName="dummyNode1" refType="w"/>
                <dgm:constr type="h" for="ch" forName="dummyNode1" refType="h"/>
                <dgm:constr type="t" for="ch" forName="dummyNode1"/>
                <dgm:constr type="l" for="ch" forName="dummyNode1"/>
                <dgm:constr type="w" for="ch" forName="childNode1" refType="w" fact="0.9"/>
                <dgm:constr type="h" for="ch" forName="childNode1" refType="h" fact="0.7"/>
                <dgm:constr type="t" for="ch" forName="childNode1" refType="h" fact="0.15"/>
                <dgm:constr type="l" for="ch" forName="childNode1"/>
                <dgm:constr type="w" for="ch" forName="childNode1tx" refType="w" fact="0.9"/>
                <dgm:constr type="h" for="ch" forName="childNode1tx" refType="h" fact="0.55"/>
                <dgm:constr type="t" for="ch" forName="childNode1tx" refType="h" fact="0.15"/>
                <dgm:constr type="l" for="ch" forName="childNode1tx"/>
                <dgm:constr type="w" for="ch" forName="parentNode1" refType="w" fact="0.8"/>
                <dgm:constr type="h" for="ch" forName="parentNode1" refType="h" fact="0.3"/>
                <dgm:constr type="t" for="ch" forName="parentNode1" refType="h" fact="0.7"/>
                <dgm:constr type="l" for="ch" forName="parentNode1" refType="w" fact="0.2"/>
                <dgm:constr type="w" for="ch" forName="connSite1" refType="w" fact="0.01"/>
                <dgm:constr type="h" for="ch" forName="connSite1" refType="h" fact="0.01"/>
                <dgm:constr type="t" for="ch" forName="connSite1"/>
                <dgm:constr type="l" for="ch" forName="connSite1" refType="w" fact="0.35"/>
              </dgm:constrLst>
            </dgm:if>
            <dgm:else name="Name7">
              <dgm:constrLst>
                <dgm:constr type="h" refType="w" fact="1.06"/>
                <dgm:constr type="w" for="ch" forName="dummyNode1" refType="w"/>
                <dgm:constr type="h" for="ch" forName="dummyNode1" refType="h"/>
                <dgm:constr type="t" for="ch" forName="dummyNode1"/>
                <dgm:constr type="l" for="ch" forName="dummyNode1"/>
                <dgm:constr type="w" for="ch" forName="childNode1" refType="w" fact="0.9"/>
                <dgm:constr type="h" for="ch" forName="childNode1" refType="h" fact="0.7"/>
                <dgm:constr type="t" for="ch" forName="childNode1" refType="h" fact="0.15"/>
                <dgm:constr type="l" for="ch" forName="childNode1" refType="w" fact="0.1"/>
                <dgm:constr type="w" for="ch" forName="childNode1tx" refType="w" fact="0.9"/>
                <dgm:constr type="h" for="ch" forName="childNode1tx" refType="h" fact="0.55"/>
                <dgm:constr type="t" for="ch" forName="childNode1tx" refType="h" fact="0.15"/>
                <dgm:constr type="l" for="ch" forName="childNode1tx" refType="w" fact="0.1"/>
                <dgm:constr type="w" for="ch" forName="parentNode1" refType="w" fact="0.8"/>
                <dgm:constr type="h" for="ch" forName="parentNode1" refType="h" fact="0.3"/>
                <dgm:constr type="t" for="ch" forName="parentNode1" refType="h" fact="0.7"/>
                <dgm:constr type="l" for="ch" forName="parentNode1"/>
                <dgm:constr type="w" for="ch" forName="connSite1" refType="w" fact="0.01"/>
                <dgm:constr type="h" for="ch" forName="connSite1" refType="h" fact="0.01"/>
                <dgm:constr type="t" for="ch" forName="connSite1"/>
                <dgm:constr type="l" for="ch" forName="connSite1" refType="w" fact="0.65"/>
              </dgm:constrLst>
            </dgm:else>
          </dgm:choose>
          <dgm:ruleLst/>
          <dgm:layoutNode name="dummyNode1">
            <dgm:alg type="sp"/>
            <dgm:shape xmlns:r="http://schemas.openxmlformats.org/officeDocument/2006/relationships" type="rect" r:blip="" hideGeom="1">
              <dgm:adjLst/>
            </dgm:shape>
            <dgm:presOf/>
            <dgm:constrLst/>
            <dgm:ruleLst/>
          </dgm:layoutNode>
          <dgm:layoutNode name="childNode1" styleLbl="bgAcc1">
            <dgm:varLst>
              <dgm:bulletEnabled val="1"/>
            </dgm:varLst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/>
            <dgm:ruleLst/>
          </dgm:layoutNode>
          <dgm:layoutNode name="childNode1tx" styleLbl="bgAcc1">
            <dgm:varLst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 axis="des" ptType="node"/>
            <dgm:constrLst>
              <dgm:constr type="secFontSz" val="65"/>
              <dgm:constr type="primFontSz" refType="secFontSz"/>
              <dgm:constr type="tMarg" refType="secFontSz" fact="0.15"/>
              <dgm:constr type="bMarg" refType="secFontSz" fact="0.15"/>
              <dgm:constr type="lMarg" refType="secFontSz" fact="0.15"/>
              <dgm:constr type="rMarg" refType="secFontSz" fact="0.15"/>
            </dgm:constrLst>
            <dgm:ruleLst>
              <dgm:rule type="secFontSz" val="5" fact="NaN" max="NaN"/>
            </dgm:ruleLst>
          </dgm:layoutNode>
          <dgm:layoutNode name="parentNode1" styleLbl="node1">
            <dgm:varLst>
              <dgm:chMax val="1"/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self"/>
            <dgm:constrLst>
              <dgm:constr type="tMarg" refType="primFontSz" fact="0.1"/>
              <dgm:constr type="bMarg" refType="primFontSz" fact="0.1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  <dgm:layoutNode name="connSite1" moveWith="childNode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forEach name="Name8" axis="followSib" ptType="sibTrans" cnt="1">
          <dgm:layoutNode name="Name9">
            <dgm:alg type="conn">
              <dgm:param type="connRout" val="curve"/>
              <dgm:param type="srcNode" val="parentNode1"/>
              <dgm:param type="dstNode" val="connSite2"/>
              <dgm:param type="begPts" val="bCtr"/>
              <dgm:param type="endPts" val="bCtr"/>
            </dgm:alg>
            <dgm:shape xmlns:r="http://schemas.openxmlformats.org/officeDocument/2006/relationships" type="conn" r:blip="" zOrderOff="-2">
              <dgm:adjLst/>
            </dgm:shape>
            <dgm:presOf axis="self"/>
            <dgm:choose name="Name10">
              <dgm:if name="Name11" func="var" arg="dir" op="equ" val="norm">
                <dgm:constrLst>
                  <dgm:constr type="h" refType="w" fact="0.35"/>
                  <dgm:constr type="wArH" refType="h"/>
                  <dgm:constr type="hArH" refType="h"/>
                  <dgm:constr type="connDist"/>
                  <dgm:constr type="diam" refType="connDist" fact="-1.15"/>
                  <dgm:constr type="begPad"/>
                  <dgm:constr type="endPad"/>
                </dgm:constrLst>
              </dgm:if>
              <dgm:else name="Name12">
                <dgm:constrLst>
                  <dgm:constr type="h" refType="w" fact="0.35"/>
                  <dgm:constr type="wArH" refType="h"/>
                  <dgm:constr type="hArH" refType="h"/>
                  <dgm:constr type="connDist"/>
                  <dgm:constr type="diam" refType="connDist" fact="1.15"/>
                  <dgm:constr type="begPad"/>
                  <dgm:constr type="endPad"/>
                </dgm:constrLst>
              </dgm:else>
            </dgm:choose>
            <dgm:ruleLst/>
          </dgm:layoutNode>
        </dgm:forEach>
        <dgm:forEach name="Name13" axis="followSib" ptType="node" cnt="1">
          <dgm:layoutNode name="composite2">
            <dgm:alg type="composite">
              <dgm:param type="ar" val="0.943"/>
            </dgm:alg>
            <dgm:shape xmlns:r="http://schemas.openxmlformats.org/officeDocument/2006/relationships" r:blip="">
              <dgm:adjLst/>
            </dgm:shape>
            <dgm:presOf/>
            <dgm:choose name="Name14">
              <dgm:if name="Name15" func="var" arg="dir" op="equ" val="norm">
                <dgm:constrLst>
                  <dgm:constr type="h" refType="w" fact="1.06"/>
                  <dgm:constr type="w" for="ch" forName="dummyNode2" refType="w"/>
                  <dgm:constr type="h" for="ch" forName="dummyNode2" refType="h"/>
                  <dgm:constr type="t" for="ch" forName="dummyNode2"/>
                  <dgm:constr type="l" for="ch" forName="dummyNode2"/>
                  <dgm:constr type="w" for="ch" forName="childNode2" refType="w" fact="0.9"/>
                  <dgm:constr type="h" for="ch" forName="childNode2" refType="h" fact="0.7"/>
                  <dgm:constr type="t" for="ch" forName="childNode2" refType="h" fact="0.15"/>
                  <dgm:constr type="l" for="ch" forName="childNode2"/>
                  <dgm:constr type="w" for="ch" forName="childNode2tx" refType="w" fact="0.9"/>
                  <dgm:constr type="h" for="ch" forName="childNode2tx" refType="h" fact="0.55"/>
                  <dgm:constr type="t" for="ch" forName="childNode2tx" refType="h" fact="0.3"/>
                  <dgm:constr type="l" for="ch" forName="childNode2tx"/>
                  <dgm:constr type="w" for="ch" forName="parentNode2" refType="w" fact="0.8"/>
                  <dgm:constr type="h" for="ch" forName="parentNode2" refType="h" fact="0.3"/>
                  <dgm:constr type="t" for="ch" forName="parentNode2"/>
                  <dgm:constr type="l" for="ch" forName="parentNode2" refType="w" fact="0.2"/>
                  <dgm:constr type="w" for="ch" forName="connSite2" refType="w" fact="0.01"/>
                  <dgm:constr type="h" for="ch" forName="connSite2" refType="h" fact="0.01"/>
                  <dgm:constr type="t" for="ch" forName="connSite2" refType="h" fact="0.99"/>
                  <dgm:constr type="l" for="ch" forName="connSite2" refType="w" fact="0.25"/>
                </dgm:constrLst>
              </dgm:if>
              <dgm:else name="Name16">
                <dgm:constrLst>
                  <dgm:constr type="h" refType="w" fact="1.06"/>
                  <dgm:constr type="w" for="ch" forName="dummyNode2" refType="w"/>
                  <dgm:constr type="h" for="ch" forName="dummyNode2" refType="h"/>
                  <dgm:constr type="t" for="ch" forName="dummyNode2"/>
                  <dgm:constr type="l" for="ch" forName="dummyNode2"/>
                  <dgm:constr type="w" for="ch" forName="childNode2" refType="w" fact="0.9"/>
                  <dgm:constr type="h" for="ch" forName="childNode2" refType="h" fact="0.7"/>
                  <dgm:constr type="t" for="ch" forName="childNode2" refType="h" fact="0.15"/>
                  <dgm:constr type="l" for="ch" forName="childNode2" refType="w" fact="0.1"/>
                  <dgm:constr type="w" for="ch" forName="childNode2tx" refType="w" fact="0.9"/>
                  <dgm:constr type="h" for="ch" forName="childNode2tx" refType="h" fact="0.55"/>
                  <dgm:constr type="t" for="ch" forName="childNode2tx" refType="h" fact="0.3"/>
                  <dgm:constr type="l" for="ch" forName="childNode2tx" refType="w" fact="0.1"/>
                  <dgm:constr type="w" for="ch" forName="parentNode2" refType="w" fact="0.8"/>
                  <dgm:constr type="h" for="ch" forName="parentNode2" refType="h" fact="0.3"/>
                  <dgm:constr type="t" for="ch" forName="parentNode2"/>
                  <dgm:constr type="l" for="ch" forName="parentNode2"/>
                  <dgm:constr type="w" for="ch" forName="connSite2" refType="w" fact="0.01"/>
                  <dgm:constr type="h" for="ch" forName="connSite2" refType="h" fact="0.01"/>
                  <dgm:constr type="t" for="ch" forName="connSite2" refType="h" fact="0.99"/>
                  <dgm:constr type="l" for="ch" forName="connSite2" refType="w" fact="0.85"/>
                </dgm:constrLst>
              </dgm:else>
            </dgm:choose>
            <dgm:ruleLst/>
            <dgm:layoutNode name="dummyNode2">
              <dgm:alg type="sp"/>
              <dgm:shape xmlns:r="http://schemas.openxmlformats.org/officeDocument/2006/relationships" type="rect" r:blip="" hideGeom="1">
                <dgm:adjLst/>
              </dgm:shape>
              <dgm:presOf/>
              <dgm:constrLst/>
              <dgm:ruleLst/>
            </dgm:layoutNode>
            <dgm:layoutNode name="childNode2" styleLbl="bgAcc1">
              <dgm:varLst>
                <dgm:bulletEnabled val="1"/>
              </dgm:varLst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des" ptType="node"/>
              <dgm:constrLst/>
              <dgm:ruleLst/>
            </dgm:layoutNode>
            <dgm:layoutNode name="childNode2tx" styleLbl="bgAcc1">
              <dgm:varLst>
                <dgm:bulletEnabled val="1"/>
              </dgm:varLst>
              <dgm:alg type="tx">
                <dgm:param type="stBulletLvl" val="1"/>
              </dgm:alg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15"/>
                <dgm:constr type="bMarg" refType="secFontSz" fact="0.15"/>
                <dgm:constr type="lMarg" refType="secFontSz" fact="0.15"/>
                <dgm:constr type="rMarg" refType="secFontSz" fact="0.15"/>
              </dgm:constrLst>
              <dgm:ruleLst>
                <dgm:rule type="secFontSz" val="5" fact="NaN" max="NaN"/>
              </dgm:ruleLst>
            </dgm:layoutNode>
            <dgm:layoutNode name="parentNode2" styleLbl="node1">
              <dgm:varLst>
                <dgm:chMax val="0"/>
                <dgm:bulletEnabled val="1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connSite2" moveWith="childNode2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layoutNode>
          <dgm:forEach name="Name17" axis="followSib" ptType="sibTrans" cnt="1">
            <dgm:layoutNode name="Name18">
              <dgm:alg type="conn">
                <dgm:param type="connRout" val="curve"/>
                <dgm:param type="srcNode" val="parentNode2"/>
                <dgm:param type="dstNode" val="connSite1"/>
                <dgm:param type="begPts" val="tCtr"/>
                <dgm:param type="endPts" val="tCtr"/>
              </dgm:alg>
              <dgm:shape xmlns:r="http://schemas.openxmlformats.org/officeDocument/2006/relationships" type="conn" r:blip="" zOrderOff="-2">
                <dgm:adjLst/>
              </dgm:shape>
              <dgm:presOf axis="self"/>
              <dgm:choose name="Name19">
                <dgm:if name="Name20" func="var" arg="dir" op="equ" val="norm">
                  <dgm:constrLst>
                    <dgm:constr type="h" refType="w" fact="0.35"/>
                    <dgm:constr type="wArH" refType="h"/>
                    <dgm:constr type="hArH" refType="h"/>
                    <dgm:constr type="connDist"/>
                    <dgm:constr type="diam" refType="connDist" fact="1.15"/>
                    <dgm:constr type="begPad"/>
                    <dgm:constr type="endPad"/>
                  </dgm:constrLst>
                </dgm:if>
                <dgm:else name="Name21">
                  <dgm:constrLst>
                    <dgm:constr type="h" refType="w" fact="0.35"/>
                    <dgm:constr type="wArH" refType="h"/>
                    <dgm:constr type="hArH" refType="h"/>
                    <dgm:constr type="connDist"/>
                    <dgm:constr type="diam" refType="connDist" fact="-1.15"/>
                    <dgm:constr type="begPad"/>
                    <dgm:constr type="endPad"/>
                  </dgm:constrLst>
                </dgm:else>
              </dgm:choose>
              <dgm:ruleLst/>
            </dgm:layoutNode>
          </dgm:forEach>
        </dgm:forEach>
      </dgm:forEach>
    </dgm:layoutNode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8/layout/PictureStrips">
  <dgm:title val=""/>
  <dgm:desc val=""/>
  <dgm:catLst>
    <dgm:cat type="list" pri="12500"/>
    <dgm:cat type="picture" pri="13000"/>
    <dgm:cat type="pictureconvert" pri="13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  <dgm:cxn modelId="70" srcId="0" destId="40" srcOrd="2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snake">
          <dgm:param type="off" val="ctr"/>
        </dgm:alg>
      </dgm:if>
      <dgm:else name="Name3">
        <dgm:alg type="snake">
          <dgm:param type="off" val="ctr"/>
          <dgm:param type="grDir" val="tR"/>
        </dgm:alg>
      </dgm:else>
    </dgm:choose>
    <dgm:shape xmlns:r="http://schemas.openxmlformats.org/officeDocument/2006/relationships" r:blip="">
      <dgm:adjLst/>
    </dgm:shape>
    <dgm:constrLst>
      <dgm:constr type="primFontSz" for="des" ptType="node" op="equ" val="65"/>
      <dgm:constr type="w" for="ch" forName="composite" refType="w"/>
      <dgm:constr type="h" for="ch" forName="composite" refType="h"/>
      <dgm:constr type="sp" refType="h" refFor="ch" refForName="composite" op="equ" fact="0.1"/>
      <dgm:constr type="h" for="ch" forName="sibTrans" refType="h" refFor="ch" refForName="composite" op="equ" fact="0.1"/>
      <dgm:constr type="w" for="ch" forName="sibTrans" refType="h" refFor="ch" refForName="sibTrans" op="equ"/>
    </dgm:constrLst>
    <dgm:forEach name="nodesForEach" axis="ch" ptType="node">
      <dgm:layoutNode name="composite">
        <dgm:alg type="composite">
          <dgm:param type="ar" val="3"/>
        </dgm:alg>
        <dgm:shape xmlns:r="http://schemas.openxmlformats.org/officeDocument/2006/relationships" r:blip="">
          <dgm:adjLst/>
        </dgm:shape>
        <dgm:choose name="Name4">
          <dgm:if name="Name5" func="var" arg="dir" op="equ" val="norm">
            <dgm:constrLst>
              <dgm:constr type="l" for="ch" forName="rect1" refType="w" fact="0.04"/>
              <dgm:constr type="t" for="ch" forName="rect1" refType="h" fact="0.13"/>
              <dgm:constr type="w" for="ch" forName="rect1" refType="w" fact="0.96"/>
              <dgm:constr type="h" for="ch" forName="rect1" refType="h" fact="0.9"/>
              <dgm:constr type="l" for="ch" forName="rect2" refType="w" fact="0"/>
              <dgm:constr type="t" for="ch" forName="rect2" refType="h" fact="0"/>
              <dgm:constr type="w" for="ch" forName="rect2" refType="w" fact="0.21"/>
              <dgm:constr type="h" for="ch" forName="rect2" refType="w" fact="0.315"/>
            </dgm:constrLst>
          </dgm:if>
          <dgm:else name="Name6">
            <dgm:constrLst>
              <dgm:constr type="l" for="ch" forName="rect1" refType="w" fact="0"/>
              <dgm:constr type="t" for="ch" forName="rect1" refType="h" fact="0.13"/>
              <dgm:constr type="w" for="ch" forName="rect1" refType="w" fact="0.96"/>
              <dgm:constr type="h" for="ch" forName="rect1" refType="h" fact="0.9"/>
              <dgm:constr type="l" for="ch" forName="rect2" refType="w" fact="0.79"/>
              <dgm:constr type="t" for="ch" forName="rect2" refType="h" fact="0"/>
              <dgm:constr type="w" for="ch" forName="rect2" refType="w" fact="0.21"/>
              <dgm:constr type="h" for="ch" forName="rect2" refType="w" fact="0.315"/>
            </dgm:constrLst>
          </dgm:else>
        </dgm:choose>
        <dgm:layoutNode name="rect1" styleLbl="trAlignAcc1">
          <dgm:varLst>
            <dgm:bulletEnabled val="1"/>
          </dgm:varLst>
          <dgm:alg type="tx">
            <dgm:param type="parTxLTRAlign" val="l"/>
          </dgm:alg>
          <dgm:shape xmlns:r="http://schemas.openxmlformats.org/officeDocument/2006/relationships" type="rect" r:blip="">
            <dgm:adjLst/>
          </dgm:shape>
          <dgm:presOf axis="desOrSelf" ptType="node"/>
          <dgm:choose name="Name7">
            <dgm:if name="Name8" func="var" arg="dir" op="equ" val="norm">
              <dgm:constrLst>
                <dgm:constr type="lMarg" refType="w" fact="0.6"/>
                <dgm:constr type="rMarg" refType="primFontSz" fact="0.3"/>
                <dgm:constr type="tMarg" refType="primFontSz" fact="0.3"/>
                <dgm:constr type="bMarg" refType="primFontSz" fact="0.3"/>
              </dgm:constrLst>
            </dgm:if>
            <dgm:else name="Name9">
              <dgm:constrLst>
                <dgm:constr type="lMarg" refType="primFontSz" fact="0.3"/>
                <dgm:constr type="rMarg" refType="w" fact="0.6"/>
                <dgm:constr type="tMarg" refType="primFontSz" fact="0.3"/>
                <dgm:constr type="bMarg" refType="primFontSz" fact="0.3"/>
              </dgm:constrLst>
            </dgm:else>
          </dgm:choose>
          <dgm:ruleLst>
            <dgm:rule type="primFontSz" val="5" fact="NaN" max="NaN"/>
          </dgm:ruleLst>
        </dgm:layoutNode>
        <dgm:layoutNode name="rect2" styleLbl="fgImgPlace1">
          <dgm:alg type="sp"/>
          <dgm:shape xmlns:r="http://schemas.openxmlformats.org/officeDocument/2006/relationships" type="rect" r:blip="" blipPhldr="1">
            <dgm:adjLst/>
          </dgm:shape>
          <dgm:presOf/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8/layout/IncreasingCircleProcess">
  <dgm:title val=""/>
  <dgm:desc val=""/>
  <dgm:catLst>
    <dgm:cat type="list" pri="8300"/>
    <dgm:cat type="process" pri="43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clrData>
  <dgm:layoutNode name="Name0">
    <dgm:varLst>
      <dgm:chMax val="7"/>
      <dgm:chPref val="7"/>
      <dgm:dir/>
      <dgm:animOne val="branch"/>
      <dgm:animLvl val="lvl"/>
    </dgm:varLst>
    <dgm:choose name="Name1">
      <dgm:if name="Name2" func="var" arg="dir" op="equ" val="norm">
        <dgm:alg type="lin">
          <dgm:param type="linDir" val="fromL"/>
          <dgm:param type="horzAlign" val="ctr"/>
          <dgm:param type="vertAlign" val="t"/>
        </dgm:alg>
      </dgm:if>
      <dgm:else name="Name3">
        <dgm:alg type="lin">
          <dgm:param type="linDir" val="fromR"/>
          <dgm:param type="horzAlign" val="ctr"/>
          <dgm:param type="vertAlign" val="t"/>
        </dgm:alg>
      </dgm:else>
    </dgm:choose>
    <dgm:shape xmlns:r="http://schemas.openxmlformats.org/officeDocument/2006/relationships" r:blip="">
      <dgm:adjLst/>
    </dgm:shape>
    <dgm:constrLst>
      <dgm:constr type="primFontSz" for="des" forName="Child" val="65"/>
      <dgm:constr type="primFontSz" for="des" forName="Parent" val="65"/>
      <dgm:constr type="primFontSz" for="des" forName="Child" refType="primFontSz" refFor="des" refForName="Parent" op="lte"/>
      <dgm:constr type="w" for="ch" forName="composite" refType="w"/>
      <dgm:constr type="h" for="ch" forName="composite" refType="h"/>
      <dgm:constr type="sp" refType="w" refFor="ch" refForName="composite" op="equ" fact="0.05"/>
      <dgm:constr type="w" for="ch" forName="sibTrans" refType="h" refFor="ch" refForName="composite" op="equ" fact="0.04"/>
    </dgm:constrLst>
    <dgm:forEach name="nodesForEach" axis="ch" ptType="node" cnt="7">
      <dgm:layoutNode name="composite">
        <dgm:alg type="composite">
          <dgm:param type="ar" val="0.8"/>
        </dgm:alg>
        <dgm:choose name="Name4">
          <dgm:if name="Name5" func="var" arg="dir" op="equ" val="norm">
            <dgm:constrLst>
              <dgm:constr type="l" for="ch" forName="Child" refType="w" fact="0.29"/>
              <dgm:constr type="t" for="ch" forName="Child" refType="h" fact="0.192"/>
              <dgm:constr type="w" for="ch" forName="Child" refType="w" fact="0.71"/>
              <dgm:constr type="h" for="ch" forName="Child" refType="h" fact="0.808"/>
              <dgm:constr type="l" for="ch" forName="Parent" refType="w" fact="0.29"/>
              <dgm:constr type="t" for="ch" forName="Parent" refType="h" fact="0"/>
              <dgm:constr type="w" for="ch" forName="Parent" refType="w" fact="0.71"/>
              <dgm:constr type="h" for="ch" forName="Parent" refType="h" fact="0.192"/>
              <dgm:constr type="l" for="ch" forName="BackAccent" refType="w" fact="0"/>
              <dgm:constr type="t" for="ch" forName="BackAccent" refType="h" fact="0"/>
              <dgm:constr type="w" for="ch" forName="BackAccent" refType="w" fact="0.24"/>
              <dgm:constr type="h" for="ch" forName="BackAccent" refType="h" fact="0.192"/>
              <dgm:constr type="l" for="ch" forName="Accent" refType="w" fact="0.024"/>
              <dgm:constr type="t" for="ch" forName="Accent" refType="h" fact="0.0192"/>
              <dgm:constr type="w" for="ch" forName="Accent" refType="w" fact="0.192"/>
              <dgm:constr type="h" for="ch" forName="Accent" refType="h" fact="0.1536"/>
            </dgm:constrLst>
          </dgm:if>
          <dgm:else name="Name6">
            <dgm:constrLst>
              <dgm:constr type="r" for="ch" forName="Child" refType="w" fact="0.71"/>
              <dgm:constr type="t" for="ch" forName="Child" refType="h" fact="0.192"/>
              <dgm:constr type="w" for="ch" forName="Child" refType="w" fact="0.71"/>
              <dgm:constr type="h" for="ch" forName="Child" refType="h" fact="0.808"/>
              <dgm:constr type="r" for="ch" forName="Parent" refType="w" fact="0.71"/>
              <dgm:constr type="t" for="ch" forName="Parent" refType="h" fact="0"/>
              <dgm:constr type="w" for="ch" forName="Parent" refType="w" fact="0.71"/>
              <dgm:constr type="h" for="ch" forName="Parent" refType="h" fact="0.192"/>
              <dgm:constr type="r" for="ch" forName="BackAccent" refType="w"/>
              <dgm:constr type="t" for="ch" forName="BackAccent" refType="h" fact="0"/>
              <dgm:constr type="w" for="ch" forName="BackAccent" refType="w" fact="0.24"/>
              <dgm:constr type="h" for="ch" forName="BackAccent" refType="h" fact="0.192"/>
              <dgm:constr type="r" for="ch" forName="Accent" refType="w" fact="0.976"/>
              <dgm:constr type="t" for="ch" forName="Accent" refType="h" fact="0.0192"/>
              <dgm:constr type="w" for="ch" forName="Accent" refType="w" fact="0.192"/>
              <dgm:constr type="h" for="ch" forName="Accent" refType="h" fact="0.1536"/>
            </dgm:constrLst>
          </dgm:else>
        </dgm:choose>
        <dgm:layoutNode name="BackAccent" styleLbl="bgShp">
          <dgm:alg type="sp"/>
          <dgm:shape xmlns:r="http://schemas.openxmlformats.org/officeDocument/2006/relationships" type="ellipse" r:blip="">
            <dgm:adjLst/>
          </dgm:shape>
          <dgm:presOf/>
        </dgm:layoutNode>
        <dgm:layoutNode name="Accent" styleLbl="alignNode1">
          <dgm:alg type="sp"/>
          <dgm:choose name="Name7">
            <dgm:if name="Name8" axis="precedSib" ptType="node" func="cnt" op="equ" val="0">
              <dgm:choose name="Name9">
                <dgm:if name="Name10" axis="followSib" ptType="node" func="cnt" op="equ" val="0">
                  <dgm:shape xmlns:r="http://schemas.openxmlformats.org/officeDocument/2006/relationships" type="chord" r:blip="">
                    <dgm:adjLst>
                      <dgm:adj idx="1" val="-90"/>
                      <dgm:adj idx="2" val="-90"/>
                    </dgm:adjLst>
                  </dgm:shape>
                </dgm:if>
                <dgm:if name="Name11" axis="followSib" ptType="node" func="cnt" op="equ" val="1">
                  <dgm:shape xmlns:r="http://schemas.openxmlformats.org/officeDocument/2006/relationships" type="chord" r:blip="">
                    <dgm:adjLst>
                      <dgm:adj idx="1" val="0"/>
                      <dgm:adj idx="2" val="180"/>
                    </dgm:adjLst>
                  </dgm:shape>
                </dgm:if>
                <dgm:if name="Name12" axis="followSib" ptType="node" func="cnt" op="equ" val="2">
                  <dgm:shape xmlns:r="http://schemas.openxmlformats.org/officeDocument/2006/relationships" type="chord" r:blip="">
                    <dgm:adjLst>
                      <dgm:adj idx="1" val="19.4712"/>
                      <dgm:adj idx="2" val="160.5288"/>
                    </dgm:adjLst>
                  </dgm:shape>
                </dgm:if>
                <dgm:if name="Name13" axis="followSib" ptType="node" func="cnt" op="equ" val="3">
                  <dgm:shape xmlns:r="http://schemas.openxmlformats.org/officeDocument/2006/relationships" type="chord" r:blip="">
                    <dgm:adjLst>
                      <dgm:adj idx="1" val="30"/>
                      <dgm:adj idx="2" val="150"/>
                    </dgm:adjLst>
                  </dgm:shape>
                </dgm:if>
                <dgm:if name="Name14" axis="followSib" ptType="node" func="cnt" op="equ" val="4">
                  <dgm:shape xmlns:r="http://schemas.openxmlformats.org/officeDocument/2006/relationships" type="chord" r:blip="">
                    <dgm:adjLst>
                      <dgm:adj idx="1" val="38.8699"/>
                      <dgm:adj idx="2" val="143.1301"/>
                    </dgm:adjLst>
                  </dgm:shape>
                </dgm:if>
                <dgm:if name="Name15" axis="followSib" ptType="node" func="cnt" op="equ" val="5">
                  <dgm:shape xmlns:r="http://schemas.openxmlformats.org/officeDocument/2006/relationships" type="chord" r:blip="">
                    <dgm:adjLst>
                      <dgm:adj idx="1" val="41.8103"/>
                      <dgm:adj idx="2" val="138.1897"/>
                    </dgm:adjLst>
                  </dgm:shape>
                </dgm:if>
                <dgm:else name="Name16">
                  <dgm:shape xmlns:r="http://schemas.openxmlformats.org/officeDocument/2006/relationships" type="chord" r:blip="">
                    <dgm:adjLst>
                      <dgm:adj idx="1" val="45.5847"/>
                      <dgm:adj idx="2" val="134.4153"/>
                    </dgm:adjLst>
                  </dgm:shape>
                </dgm:else>
              </dgm:choose>
            </dgm:if>
            <dgm:if name="Name17" axis="precedSib" ptType="node" func="cnt" op="equ" val="1">
              <dgm:choose name="Name18">
                <dgm:if name="Name19" axis="followSib" ptType="node" func="cnt" op="equ" val="0">
                  <dgm:shape xmlns:r="http://schemas.openxmlformats.org/officeDocument/2006/relationships" type="chord" r:blip="">
                    <dgm:adjLst>
                      <dgm:adj idx="1" val="-90"/>
                      <dgm:adj idx="2" val="-90"/>
                    </dgm:adjLst>
                  </dgm:shape>
                </dgm:if>
                <dgm:if name="Name20" axis="followSib" ptType="node" func="cnt" op="equ" val="1">
                  <dgm:shape xmlns:r="http://schemas.openxmlformats.org/officeDocument/2006/relationships" type="chord" r:blip="">
                    <dgm:adjLst>
                      <dgm:adj idx="1" val="-19.4712"/>
                      <dgm:adj idx="2" val="-160.5288"/>
                    </dgm:adjLst>
                  </dgm:shape>
                </dgm:if>
                <dgm:if name="Name21" axis="followSib" ptType="node" func="cnt" op="equ" val="2">
                  <dgm:shape xmlns:r="http://schemas.openxmlformats.org/officeDocument/2006/relationships" type="chord" r:blip="">
                    <dgm:adjLst>
                      <dgm:adj idx="1" val="0"/>
                      <dgm:adj idx="2" val="180"/>
                    </dgm:adjLst>
                  </dgm:shape>
                </dgm:if>
                <dgm:if name="Name22" axis="followSib" ptType="node" func="cnt" op="equ" val="3">
                  <dgm:shape xmlns:r="http://schemas.openxmlformats.org/officeDocument/2006/relationships" type="chord" r:blip="">
                    <dgm:adjLst>
                      <dgm:adj idx="1" val="11.537"/>
                      <dgm:adj idx="2" val="168.463"/>
                    </dgm:adjLst>
                  </dgm:shape>
                </dgm:if>
                <dgm:if name="Name23" axis="followSib" ptType="node" func="cnt" op="equ" val="4">
                  <dgm:shape xmlns:r="http://schemas.openxmlformats.org/officeDocument/2006/relationships" type="chord" r:blip="">
                    <dgm:adjLst>
                      <dgm:adj idx="1" val="19.4712"/>
                      <dgm:adj idx="2" val="160.5288"/>
                    </dgm:adjLst>
                  </dgm:shape>
                </dgm:if>
                <dgm:else name="Name24">
                  <dgm:shape xmlns:r="http://schemas.openxmlformats.org/officeDocument/2006/relationships" type="chord" r:blip="">
                    <dgm:adjLst>
                      <dgm:adj idx="1" val="25.3769"/>
                      <dgm:adj idx="2" val="154.6231"/>
                    </dgm:adjLst>
                  </dgm:shape>
                </dgm:else>
              </dgm:choose>
            </dgm:if>
            <dgm:if name="Name25" axis="precedSib" ptType="node" func="cnt" op="equ" val="2">
              <dgm:choose name="Name26">
                <dgm:if name="Name27" axis="followSib" ptType="node" func="cnt" op="equ" val="0">
                  <dgm:shape xmlns:r="http://schemas.openxmlformats.org/officeDocument/2006/relationships" type="chord" r:blip="">
                    <dgm:adjLst>
                      <dgm:adj idx="1" val="-90"/>
                      <dgm:adj idx="2" val="-90"/>
                    </dgm:adjLst>
                  </dgm:shape>
                </dgm:if>
                <dgm:if name="Name28" axis="followSib" ptType="node" func="cnt" op="equ" val="1">
                  <dgm:shape xmlns:r="http://schemas.openxmlformats.org/officeDocument/2006/relationships" type="chord" r:blip="">
                    <dgm:adjLst>
                      <dgm:adj idx="1" val="-30"/>
                      <dgm:adj idx="2" val="-150"/>
                    </dgm:adjLst>
                  </dgm:shape>
                </dgm:if>
                <dgm:if name="Name29" axis="followSib" ptType="node" func="cnt" op="equ" val="2">
                  <dgm:shape xmlns:r="http://schemas.openxmlformats.org/officeDocument/2006/relationships" type="chord" r:blip="">
                    <dgm:adjLst>
                      <dgm:adj idx="1" val="-11.537"/>
                      <dgm:adj idx="2" val="-168.463"/>
                    </dgm:adjLst>
                  </dgm:shape>
                </dgm:if>
                <dgm:if name="Name30" axis="followSib" ptType="node" func="cnt" op="equ" val="3">
                  <dgm:shape xmlns:r="http://schemas.openxmlformats.org/officeDocument/2006/relationships" type="chord" r:blip="">
                    <dgm:adjLst>
                      <dgm:adj idx="1" val="0"/>
                      <dgm:adj idx="2" val="180"/>
                    </dgm:adjLst>
                  </dgm:shape>
                </dgm:if>
                <dgm:else name="Name31">
                  <dgm:shape xmlns:r="http://schemas.openxmlformats.org/officeDocument/2006/relationships" type="chord" r:blip="">
                    <dgm:adjLst>
                      <dgm:adj idx="1" val="8.2133"/>
                      <dgm:adj idx="2" val="171.7867"/>
                    </dgm:adjLst>
                  </dgm:shape>
                </dgm:else>
              </dgm:choose>
            </dgm:if>
            <dgm:if name="Name32" axis="precedSib" ptType="node" func="cnt" op="equ" val="3">
              <dgm:choose name="Name33">
                <dgm:if name="Name34" axis="followSib" ptType="node" func="cnt" op="equ" val="0">
                  <dgm:shape xmlns:r="http://schemas.openxmlformats.org/officeDocument/2006/relationships" type="chord" r:blip="">
                    <dgm:adjLst>
                      <dgm:adj idx="1" val="-90"/>
                      <dgm:adj idx="2" val="-90"/>
                    </dgm:adjLst>
                  </dgm:shape>
                </dgm:if>
                <dgm:if name="Name35" axis="followSib" ptType="node" func="cnt" op="equ" val="1">
                  <dgm:shape xmlns:r="http://schemas.openxmlformats.org/officeDocument/2006/relationships" type="chord" r:blip="">
                    <dgm:adjLst>
                      <dgm:adj idx="1" val="-38.8699"/>
                      <dgm:adj idx="2" val="-143.1301"/>
                    </dgm:adjLst>
                  </dgm:shape>
                </dgm:if>
                <dgm:if name="Name36" axis="followSib" ptType="node" func="cnt" op="equ" val="2">
                  <dgm:shape xmlns:r="http://schemas.openxmlformats.org/officeDocument/2006/relationships" type="chord" r:blip="">
                    <dgm:adjLst>
                      <dgm:adj idx="1" val="-19.4712"/>
                      <dgm:adj idx="2" val="-160.5288"/>
                    </dgm:adjLst>
                  </dgm:shape>
                </dgm:if>
                <dgm:else name="Name37">
                  <dgm:shape xmlns:r="http://schemas.openxmlformats.org/officeDocument/2006/relationships" type="chord" r:blip="">
                    <dgm:adjLst>
                      <dgm:adj idx="1" val="-8.2133"/>
                      <dgm:adj idx="2" val="-171.7867"/>
                    </dgm:adjLst>
                  </dgm:shape>
                </dgm:else>
              </dgm:choose>
            </dgm:if>
            <dgm:if name="Name38" axis="precedSib" ptType="node" func="cnt" op="equ" val="4">
              <dgm:choose name="Name39">
                <dgm:if name="Name40" axis="followSib" ptType="node" func="cnt" op="equ" val="0">
                  <dgm:shape xmlns:r="http://schemas.openxmlformats.org/officeDocument/2006/relationships" type="chord" r:blip="">
                    <dgm:adjLst>
                      <dgm:adj idx="1" val="-90"/>
                      <dgm:adj idx="2" val="-90"/>
                    </dgm:adjLst>
                  </dgm:shape>
                </dgm:if>
                <dgm:if name="Name41" axis="followSib" ptType="node" func="cnt" op="equ" val="1">
                  <dgm:shape xmlns:r="http://schemas.openxmlformats.org/officeDocument/2006/relationships" type="chord" r:blip="">
                    <dgm:adjLst>
                      <dgm:adj idx="1" val="-41.8103"/>
                      <dgm:adj idx="2" val="-138.1897"/>
                    </dgm:adjLst>
                  </dgm:shape>
                </dgm:if>
                <dgm:else name="Name42">
                  <dgm:shape xmlns:r="http://schemas.openxmlformats.org/officeDocument/2006/relationships" type="chord" r:blip="">
                    <dgm:adjLst>
                      <dgm:adj idx="1" val="-25.3769"/>
                      <dgm:adj idx="2" val="-154.6231"/>
                    </dgm:adjLst>
                  </dgm:shape>
                </dgm:else>
              </dgm:choose>
            </dgm:if>
            <dgm:if name="Name43" axis="precedSib" ptType="node" func="cnt" op="equ" val="5">
              <dgm:choose name="Name44">
                <dgm:if name="Name45" axis="followSib" ptType="node" func="cnt" op="equ" val="0">
                  <dgm:shape xmlns:r="http://schemas.openxmlformats.org/officeDocument/2006/relationships" type="chord" r:blip="">
                    <dgm:adjLst>
                      <dgm:adj idx="1" val="-90"/>
                      <dgm:adj idx="2" val="-90"/>
                    </dgm:adjLst>
                  </dgm:shape>
                </dgm:if>
                <dgm:else name="Name46">
                  <dgm:shape xmlns:r="http://schemas.openxmlformats.org/officeDocument/2006/relationships" type="chord" r:blip="">
                    <dgm:adjLst>
                      <dgm:adj idx="1" val="-45.5847"/>
                      <dgm:adj idx="2" val="-134.4153"/>
                    </dgm:adjLst>
                  </dgm:shape>
                </dgm:else>
              </dgm:choose>
            </dgm:if>
            <dgm:else name="Name47">
              <dgm:shape xmlns:r="http://schemas.openxmlformats.org/officeDocument/2006/relationships" type="chord" r:blip="">
                <dgm:adjLst>
                  <dgm:adj idx="1" val="-90"/>
                  <dgm:adj idx="2" val="-90"/>
                </dgm:adjLst>
              </dgm:shape>
            </dgm:else>
          </dgm:choose>
          <dgm:presOf/>
        </dgm:layoutNode>
        <dgm:layoutNode name="Child" styleLbl="revTx">
          <dgm:varLst>
            <dgm:chMax val="0"/>
            <dgm:chPref val="0"/>
            <dgm:bulletEnabled val="1"/>
          </dgm:varLst>
          <dgm:choose name="Name48">
            <dgm:if name="Name49" func="var" arg="dir" op="equ" val="norm">
              <dgm:alg type="tx">
                <dgm:param type="parTxLTRAlign" val="l"/>
                <dgm:param type="parTxRTLAlign" val="l"/>
                <dgm:param type="txAnchorVert" val="t"/>
              </dgm:alg>
            </dgm:if>
            <dgm:else name="Name50">
              <dgm:alg type="tx">
                <dgm:param type="parTxLTRAlign" val="r"/>
                <dgm:param type="parTxRTLAlign" val="r"/>
                <dgm:param type="txAnchorVert" val="t"/>
              </dgm:alg>
            </dgm:else>
          </dgm:choose>
          <dgm:choose name="Name51">
            <dgm:if name="Name52" axis="ch" ptType="node" func="cnt" op="gte" val="1">
              <dgm:shape xmlns:r="http://schemas.openxmlformats.org/officeDocument/2006/relationships" type="rect" r:blip="">
                <dgm:adjLst/>
              </dgm:shape>
            </dgm:if>
            <dgm:else name="Name53">
              <dgm:shape xmlns:r="http://schemas.openxmlformats.org/officeDocument/2006/relationships" type="rect" r:blip="" hideGeom="1">
                <dgm:adjLst/>
              </dgm:shape>
            </dgm:else>
          </dgm:choose>
          <dgm:choose name="Name54">
            <dgm:if name="Name55" axis="ch" ptType="node" func="cnt" op="gte" val="1">
              <dgm:presOf axis="des" ptType="node"/>
            </dgm:if>
            <dgm:else name="Name56">
              <dgm:presOf/>
            </dgm:else>
          </dgm:choose>
          <dgm:constrLst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Parent" styleLbl="revTx">
          <dgm:varLst>
            <dgm:chMax val="1"/>
            <dgm:chPref val="1"/>
            <dgm:bulletEnabled val="1"/>
          </dgm:varLst>
          <dgm:choose name="Name57">
            <dgm:if name="Name58" func="var" arg="dir" op="equ" val="norm">
              <dgm:alg type="tx">
                <dgm:param type="parTxLTRAlign" val="l"/>
                <dgm:param type="parTxRTLAlign" val="l"/>
                <dgm:param type="shpTxLTRAlignCh" val="l"/>
                <dgm:param type="shpTxRTLAlignCh" val="l"/>
                <dgm:param type="txAnchorVert" val="b"/>
                <dgm:param type="txAnchorVertCh" val="b"/>
              </dgm:alg>
            </dgm:if>
            <dgm:else name="Name59">
              <dgm:alg type="tx">
                <dgm:param type="parTxLTRAlign" val="r"/>
                <dgm:param type="parTxRTLAlign" val="r"/>
                <dgm:param type="shpTxLTRAlignCh" val="r"/>
                <dgm:param type="shpTxRTLAlignCh" val="r"/>
                <dgm:param type="txAnchorVert" val="b"/>
                <dgm:param type="txAnchorVertCh" val="b"/>
              </dgm:alg>
            </dgm:else>
          </dgm:choose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381300" y="685800"/>
            <a:ext cx="6096075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1pPr>
            <a:lvl2pPr marL="914400" lvl="1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2pPr>
            <a:lvl3pPr marL="1371600" lvl="2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3pPr>
            <a:lvl4pPr marL="1828800" lvl="3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4pPr>
            <a:lvl5pPr marL="2286000" lvl="4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5pPr>
            <a:lvl6pPr marL="2743200" lvl="5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6pPr>
            <a:lvl7pPr marL="3200400" lvl="6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7pPr>
            <a:lvl8pPr marL="3657600" lvl="7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8pPr>
            <a:lvl9pPr marL="4114800" lvl="8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9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Google Shape;96;g2ac85562395_1_4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97" name="Google Shape;97;g2ac85562395_1_4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9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9" name="Google Shape;199;g2ac85562395_1_13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200" name="Google Shape;200;g2ac85562395_1_13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7" name="Google Shape;227;g2ac85562395_1_159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228" name="Google Shape;228;g2ac85562395_1_159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6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" name="Google Shape;164;g2ac85562395_1_10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65" name="Google Shape;165;g2ac85562395_1_10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7" name="Google Shape;177;g2ac85562395_1_116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78" name="Google Shape;178;g2ac85562395_1_116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0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5" name="Google Shape;405;p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>
            <a:noFill/>
          </a:ln>
        </p:spPr>
      </p:sp>
      <p:sp>
        <p:nvSpPr>
          <p:cNvPr id="406" name="Google Shape;406;p1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100"/>
              <a:t>Duplicates by DDT_item drop</a:t>
            </a:r>
            <a:endParaRPr sz="1100"/>
          </a:p>
          <a:p>
            <a:pPr marL="0" lvl="0" indent="4572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100"/>
              <a:t>Same information for different items in a declaration.</a:t>
            </a:r>
            <a:endParaRPr sz="1100"/>
          </a:p>
          <a:p>
            <a:pPr marL="0" lvl="0" indent="4572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100"/>
              <a:t>A attribute could be built from this, True when multi-item declaration and False when single-item declaration.</a:t>
            </a:r>
            <a:endParaRPr sz="11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100"/>
              <a:t>Duplicates by infraction type code drop</a:t>
            </a:r>
            <a:endParaRPr sz="11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100"/>
              <a:t>	multi-type infraction, important to solve for a multiclass solution</a:t>
            </a:r>
            <a:endParaRPr sz="11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1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100"/>
              <a:t>Other duplicates like these show changes on the situation of the inspection or multiple inspectors for the same item.</a:t>
            </a:r>
            <a:endParaRPr sz="11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100" b="0" strike="noStrike"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1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3" name="Google Shape;413;p17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r>
              <a:rPr lang="en-US" sz="1400">
                <a:solidFill>
                  <a:schemeClr val="dk1"/>
                </a:solidFill>
              </a:rPr>
              <a:t>0.2% of tax rate over 107 %</a:t>
            </a:r>
            <a:endParaRPr/>
          </a:p>
        </p:txBody>
      </p:sp>
      <p:sp>
        <p:nvSpPr>
          <p:cNvPr id="414" name="Google Shape;414;p17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2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1" name="Google Shape;421;g2ad40576a84_0_12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22" name="Google Shape;422;g2ad40576a84_0_12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7" name="Google Shape;427;g2ad40576a84_0_29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28" name="Google Shape;428;g2ad40576a84_0_29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3" name="Google Shape;433;g2ad40576a84_0_5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Synthetic data corr</a:t>
            </a:r>
            <a:endParaRPr/>
          </a:p>
        </p:txBody>
      </p:sp>
      <p:sp>
        <p:nvSpPr>
          <p:cNvPr id="434" name="Google Shape;434;g2ad40576a84_0_5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1" name="Google Shape;441;g2ad40576a84_0_4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Real data corr</a:t>
            </a:r>
            <a:endParaRPr/>
          </a:p>
        </p:txBody>
      </p:sp>
      <p:sp>
        <p:nvSpPr>
          <p:cNvPr id="442" name="Google Shape;442;g2ad40576a84_0_4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" name="Google Shape;105;g2ac85562395_1_5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06" name="Google Shape;106;g2ac85562395_1_5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" dirty="0"/>
              <a:t>15 hs of training</a:t>
            </a:r>
            <a:endParaRPr dirty="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" dirty="0"/>
              <a:t>Many categorical variables, which are time consuming</a:t>
            </a: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91626475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4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9" name="Google Shape;249;g2ac85562395_1_178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250" name="Google Shape;250;g2ac85562395_1_178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92824754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3" name="Google Shape;483;p2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84" name="Google Shape;484;p2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0" name="Google Shape;490;g2ad40576a84_0_69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91" name="Google Shape;491;g2ad40576a84_0_69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9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7" name="Google Shape;497;p21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Having more around 100 variables</a:t>
            </a:r>
            <a:endParaRPr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Ending with around 40, before one-hot enconding</a:t>
            </a:r>
            <a:endParaRPr/>
          </a:p>
        </p:txBody>
      </p:sp>
      <p:sp>
        <p:nvSpPr>
          <p:cNvPr id="498" name="Google Shape;498;p21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5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2" name="Google Shape;352;g2ad98a00ffe_0_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53" name="Google Shape;353;g2ad98a00ffe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1" name="Google Shape;361;g2ad98a00ffe_0_12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62" name="Google Shape;362;g2ad98a00ffe_0_12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9" name="Google Shape;369;g2ad98a00ffe_0_21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70" name="Google Shape;370;g2ad98a00ffe_0_21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7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6" name="Google Shape;376;g2ad98a00ffe_0_28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77" name="Google Shape;377;g2ad98a00ffe_0_28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5" name="Google Shape;515;p22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i="1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Best estimator</a:t>
            </a:r>
            <a:endParaRPr lang="en-US" i="1" dirty="0">
              <a:latin typeface="Inter"/>
              <a:ea typeface="Inter"/>
              <a:cs typeface="Inter"/>
              <a:sym typeface="Inter"/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0" i="0" u="none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LogisticRegression(C=0.1, </a:t>
            </a:r>
            <a:r>
              <a:rPr lang="en-US" b="0" i="0" u="none" strike="noStrike" cap="none" dirty="0" err="1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class_weight</a:t>
            </a:r>
            <a:r>
              <a:rPr lang="en-US" b="0" i="0" u="none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='balanced', penalty='l1', solver='saga')</a:t>
            </a:r>
            <a:endParaRPr lang="en-US" dirty="0"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516" name="Google Shape;516;p22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3" name="Google Shape;523;g2ad40576a84_0_87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i="1" dirty="0"/>
              <a:t>Best estimator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LGBMClassifier(</a:t>
            </a:r>
            <a:r>
              <a:rPr lang="en-US" dirty="0" err="1"/>
              <a:t>colsample_bytree</a:t>
            </a:r>
            <a:r>
              <a:rPr lang="en-US" dirty="0"/>
              <a:t>=0.8, </a:t>
            </a:r>
            <a:r>
              <a:rPr lang="en-US" dirty="0" err="1"/>
              <a:t>learning_rate</a:t>
            </a:r>
            <a:r>
              <a:rPr lang="en-US" dirty="0"/>
              <a:t>=0.01, </a:t>
            </a:r>
            <a:r>
              <a:rPr lang="en-US" dirty="0" err="1"/>
              <a:t>max_depth</a:t>
            </a:r>
            <a:r>
              <a:rPr lang="en-US" dirty="0"/>
              <a:t>=7, </a:t>
            </a:r>
            <a:r>
              <a:rPr lang="en-US" dirty="0" err="1"/>
              <a:t>min_child_samples</a:t>
            </a:r>
            <a:r>
              <a:rPr lang="en-US" dirty="0"/>
              <a:t>=30, </a:t>
            </a:r>
            <a:r>
              <a:rPr lang="en-US" dirty="0" err="1"/>
              <a:t>reg_alpha</a:t>
            </a:r>
            <a:r>
              <a:rPr lang="en-US" dirty="0"/>
              <a:t>=0.5, </a:t>
            </a:r>
            <a:r>
              <a:rPr lang="en-US" dirty="0" err="1"/>
              <a:t>reg_lambda</a:t>
            </a:r>
            <a:r>
              <a:rPr lang="en-US" dirty="0"/>
              <a:t>=1, subsample=0.8)</a:t>
            </a: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524" name="Google Shape;524;g2ad40576a84_0_87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" name="Google Shape;112;g2ac85562395_1_6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13" name="Google Shape;113;g2ac85562395_1_6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i="0" u="none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Human intuition</a:t>
            </a:r>
            <a:endParaRPr lang="en-US" b="1" dirty="0"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i="0" u="none" strike="noStrike" cap="none" dirty="0">
              <a:solidFill>
                <a:srgbClr val="000000"/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i="0" u="none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Contextual understanding</a:t>
            </a:r>
            <a:endParaRPr lang="en-US" dirty="0"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i="0" u="none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Adaptability</a:t>
            </a:r>
            <a:endParaRPr lang="en-US" dirty="0"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i="0" u="none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Emotional intelligence</a:t>
            </a:r>
            <a:endParaRPr lang="en-US" dirty="0"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i="0" u="none" strike="noStrike" cap="none" dirty="0">
              <a:solidFill>
                <a:srgbClr val="000000"/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i="0" u="none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             Hypothesis-driven approach     </a:t>
            </a:r>
            <a:r>
              <a:rPr lang="en-US" b="1" i="0" u="none" strike="noStrike" cap="none" dirty="0">
                <a:solidFill>
                  <a:srgbClr val="FF0000"/>
                </a:solidFill>
                <a:latin typeface="Inter"/>
                <a:ea typeface="Inter"/>
                <a:cs typeface="Inter"/>
                <a:sym typeface="Inter"/>
              </a:rPr>
              <a:t>Data-driven approach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i="0" u="none" strike="noStrike" cap="none" dirty="0">
              <a:solidFill>
                <a:srgbClr val="000000"/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i="0" u="none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                       Rule based decisions        </a:t>
            </a:r>
            <a:r>
              <a:rPr lang="en-US" dirty="0">
                <a:latin typeface="Inter"/>
                <a:ea typeface="Inter"/>
                <a:cs typeface="Inter"/>
                <a:sym typeface="Inter"/>
              </a:rPr>
              <a:t>  </a:t>
            </a:r>
            <a:r>
              <a:rPr lang="en-US" i="0" u="none" strike="noStrike" cap="none" dirty="0">
                <a:solidFill>
                  <a:srgbClr val="FF0000"/>
                </a:solidFill>
                <a:latin typeface="Inter"/>
                <a:ea typeface="Inter"/>
                <a:cs typeface="Inter"/>
                <a:sym typeface="Inter"/>
              </a:rPr>
              <a:t>ML and AI algorithms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i="0" u="none" strike="noStrike" cap="none" dirty="0">
                <a:solidFill>
                  <a:srgbClr val="000000"/>
                </a:solidFill>
                <a:latin typeface="Inter"/>
                <a:ea typeface="Inter"/>
                <a:cs typeface="Inter"/>
                <a:sym typeface="Inter"/>
              </a:rPr>
              <a:t>  Business knowledge and expertise          </a:t>
            </a:r>
            <a:r>
              <a:rPr lang="en-US" i="0" u="none" strike="noStrike" cap="none" dirty="0">
                <a:solidFill>
                  <a:srgbClr val="FF0000"/>
                </a:solidFill>
                <a:latin typeface="Inter"/>
                <a:ea typeface="Inter"/>
                <a:cs typeface="Inter"/>
                <a:sym typeface="Inter"/>
              </a:rPr>
              <a:t>Hidden patterns</a:t>
            </a: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 dirty="0"/>
          </a:p>
        </p:txBody>
      </p:sp>
    </p:spTree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1" name="Google Shape;531;g2ad40576a84_0_96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i="1" dirty="0"/>
              <a:t>Best estimator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XGBClassifier(alpha=7, gamma=2, lambda=3, </a:t>
            </a:r>
            <a:r>
              <a:rPr lang="en-US" dirty="0" err="1"/>
              <a:t>learning_rate</a:t>
            </a:r>
            <a:r>
              <a:rPr lang="en-US" dirty="0"/>
              <a:t>=0.1, </a:t>
            </a:r>
            <a:r>
              <a:rPr lang="en-US" dirty="0" err="1"/>
              <a:t>max_depth</a:t>
            </a:r>
            <a:r>
              <a:rPr lang="en-US" dirty="0"/>
              <a:t>=5, </a:t>
            </a:r>
            <a:r>
              <a:rPr lang="en-US" dirty="0" err="1"/>
              <a:t>min_child_weight</a:t>
            </a:r>
            <a:r>
              <a:rPr lang="en-US" dirty="0"/>
              <a:t>=5, </a:t>
            </a:r>
            <a:r>
              <a:rPr lang="en-US" dirty="0" err="1"/>
              <a:t>n_estimators</a:t>
            </a:r>
            <a:r>
              <a:rPr lang="en-US" dirty="0"/>
              <a:t>=100)</a:t>
            </a: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532" name="Google Shape;532;g2ad40576a84_0_96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2" name="Google Shape;312;g2ac85562395_1_232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13" name="Google Shape;313;g2ac85562395_1_232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9" name="Google Shape;539;g2ad40576a84_0_10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540" name="Google Shape;540;g2ad40576a84_0_10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4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8" name="Google Shape;548;g2ad40576a84_0_1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549" name="Google Shape;549;g2ad40576a84_0_1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5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9" name="Google Shape;559;g2ad40576a84_0_13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560" name="Google Shape;560;g2ad40576a84_0_13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2" name="Google Shape;572;g2ad40576a84_0_146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573" name="Google Shape;573;g2ad40576a84_0_146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7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0" name="Google Shape;580;g2ad40576a84_0_16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                        |         1 |        3 |       10 |       20 |       30 |       40 |       50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:------------------------|----------:|---------:|---------:|---------:|---------:|---------:|---------: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LogReg_R | 0.0404304 | 0.116648 | 0.324236 | 0.573952 | 0.766818 | 0.890827 | 0.965006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LGBM_R   | 0.104643  | 0.197735 | 0.503964 | 0.773613 | 0.914949 | 0.978029 | 0.998188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XGB_R    | 0.257984  | 0.49966  | 0.825708 | 0.956852 | 0.988335 | 0.996602 | 0.999207 |</a:t>
            </a:r>
            <a:endParaRPr sz="1400"/>
          </a:p>
        </p:txBody>
      </p:sp>
      <p:sp>
        <p:nvSpPr>
          <p:cNvPr id="581" name="Google Shape;581;g2ad40576a84_0_16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8" name="Google Shape;588;g2ad40576a84_0_168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                      |         1 |         3 |       10 |       20 |       30 |       40 |       50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:----------------------|----------:|----------:|---------:|---------:|---------:|---------:|---------: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LogReg_R | 0.0209806 | 0.0215115 | 0.557152 | 0.558996 | 0.722183 | 0.90916  | 0.978339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LGBM_R   | 0.0132047 | 0.0462575 | 0.643147 | 0.777763 | 0.909101 | 0.968856 | 0.987557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XGB_R    | 0.830023  | 0.880463  | 0.90124  | 0.950827 | 0.952075 | 0.973572 | 0.973572 |</a:t>
            </a:r>
            <a:endParaRPr sz="1400"/>
          </a:p>
        </p:txBody>
      </p:sp>
      <p:sp>
        <p:nvSpPr>
          <p:cNvPr id="589" name="Google Shape;589;g2ad40576a84_0_168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9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7" name="Google Shape;597;g2ad40576a84_0_186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                        |         1 |        3 |       10 |       20 |       30 |       40 |       50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:------------------------|----------:|---------:|---------:|---------:|---------:|---------:|---------: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DATE     | 0.293621  | 0.538365 | 0.798922 | 0.927403 | 0.96496  | 0.981312 | 0.992453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LogReg_R | 0.0404304 | 0.116648 | 0.324236 | 0.573952 | 0.766818 | 0.890827 | 0.965006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LGBM_R   | 0.104643  | 0.197735 | 0.503964 | 0.773613 | 0.914949 | 0.978029 | 0.998188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XGB_R    | 0.257984  | 0.49966  | 0.825708 | 0.956852 | 0.988335 | 0.996602 | 0.999207 |</a:t>
            </a:r>
            <a:endParaRPr sz="1400"/>
          </a:p>
        </p:txBody>
      </p:sp>
      <p:sp>
        <p:nvSpPr>
          <p:cNvPr id="598" name="Google Shape;598;g2ad40576a84_0_186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0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8" name="Google Shape;608;g2ad40576a84_0_196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                      |         1 |         3 |       10 |       20 |       30 |       40 |       50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:----------------------|----------:|----------:|---------:|---------:|---------:|---------:|---------: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DATE     | 0.862451  | 0.866054  | 0.87573  | 0.947909 | 0.998402 | 1        | 1       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LogReg_R | 0.0209806 | 0.0215115 | 0.557152 | 0.558996 | 0.722183 | 0.90916  | 0.978339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LGBM_R   | 0.0132047 | 0.0462575 | 0.643147 | 0.777763 | 0.909101 | 0.968856 | 0.987557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XGB_R    | 0.830023  | 0.880463  | 0.90124  | 0.950827 | 0.952075 | 0.973572 | 0.973572 |</a:t>
            </a:r>
            <a:endParaRPr sz="1400"/>
          </a:p>
        </p:txBody>
      </p:sp>
      <p:sp>
        <p:nvSpPr>
          <p:cNvPr id="609" name="Google Shape;609;g2ad40576a84_0_196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7" name="Google Shape;127;g2ac85562395_1_7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28" name="Google Shape;128;g2ac85562395_1_7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Google Shape;60;g2ad9fb10f13_0_9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                        |         1 |        3 |       10 |       20 |       30 |       40 |       50 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:------------------------|----------:|---------:|---------:|---------:|---------:|---------:|---------: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detection_rate_LogReg_R | 0.0404304 | 0.116648 | 0.324236 | 0.573952 | 0.766818 | 0.890827 | 0.965006 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detection_rate_LGBM_R   | 0.104643  | 0.197735 | 0.503964 | 0.773613 | 0.914949 | 0.978029 | 0.998188 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detection_rate_XGB_R    | 0.257984  | 0.49966  | 0.825708 | 0.956852 | 0.988335 | 0.996602 | 0.999207 |</a:t>
            </a:r>
            <a:endParaRPr sz="1400"/>
          </a:p>
        </p:txBody>
      </p:sp>
      <p:sp>
        <p:nvSpPr>
          <p:cNvPr id="61" name="Google Shape;61;g2ad9fb10f13_0_9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Google Shape;69;g2ad9fb10f13_0_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                        |         1 |        3 |       10 |       20 |       30 |       40 |       50 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:------------------------|----------:|---------:|---------:|---------:|---------:|---------:|---------: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detection_rate_LogReg_R | 0.0404304 | 0.116648 | 0.324236 | 0.573952 | 0.766818 | 0.890827 | 0.965006 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detection_rate_LGBM_R   | 0.104643  | 0.197735 | 0.503964 | 0.773613 | 0.914949 | 0.978029 | 0.998188 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detection_rate_XGB_R    | 0.257984  | 0.49966  | 0.825708 | 0.956852 | 0.988335 | 0.996602 | 0.999207 |</a:t>
            </a:r>
            <a:endParaRPr sz="1400"/>
          </a:p>
        </p:txBody>
      </p:sp>
      <p:sp>
        <p:nvSpPr>
          <p:cNvPr id="70" name="Google Shape;70;g2ad9fb10f13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Google Shape;78;g2ad9fb10f13_0_18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                        |         1 |        3 |       10 |       20 |       30 |       40 |       50 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:------------------------|----------:|---------:|---------:|---------:|---------:|---------:|---------: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detection_rate_LogReg_R | 0.0404304 | 0.116648 | 0.324236 | 0.573952 | 0.766818 | 0.890827 | 0.965006 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detection_rate_LGBM_R   | 0.104643  | 0.197735 | 0.503964 | 0.773613 | 0.914949 | 0.978029 | 0.998188 |</a:t>
            </a:r>
            <a:endParaRPr sz="1400"/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r>
              <a:rPr lang="en-US" sz="1400"/>
              <a:t>| detection_rate_XGB_R    | 0.257984  | 0.49966  | 0.825708 | 0.956852 | 0.988335 | 0.996602 | 0.999207 |</a:t>
            </a:r>
            <a:endParaRPr sz="1400"/>
          </a:p>
        </p:txBody>
      </p:sp>
      <p:sp>
        <p:nvSpPr>
          <p:cNvPr id="79" name="Google Shape;79;g2ad9fb10f13_0_18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1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8" name="Google Shape;618;g2ad40576a84_0_177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                         |        1 |        3 |       10 |       20 |       30 |       40 |       50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:-------------------------|---------:|---------:|---------:|---------:|---------:|---------:|---------: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XGB_air   | 0.121598 | 0.3411   | 0.706285 | 0.875073 | 0.939299 | 0.967104 | 0.983356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XGB_land  | 0.397373 | 0.912151 | 0.981938 | 0.990969 | 0.995895 | 0.997537 | 0.998358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XGB_hidro | 0.94382  | 0.980337 | 1        | 1        | 1        | 1        | 1       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detection_rate_XGB_sea   | 0.265049 | 0.608959 | 0.859543 | 0.945404 | 0.970602 | 0.984601 | 0.990201 |</a:t>
            </a:r>
            <a:endParaRPr sz="1400"/>
          </a:p>
        </p:txBody>
      </p:sp>
      <p:sp>
        <p:nvSpPr>
          <p:cNvPr id="619" name="Google Shape;619;g2ad40576a84_0_177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3" name="Google Shape;323;g2ac85562395_1_241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24" name="Google Shape;324;g2ac85562395_1_241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1200"/>
              </a:spcAft>
              <a:buClr>
                <a:schemeClr val="dk1"/>
              </a:buClr>
              <a:buSzPts val="1100"/>
              <a:buFont typeface="Arial"/>
              <a:buNone/>
            </a:pPr>
            <a:endParaRPr/>
          </a:p>
        </p:txBody>
      </p:sp>
    </p:spTree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3" name="Google Shape;323;g2ac85562395_1_241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24" name="Google Shape;324;g2ac85562395_1_241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1200"/>
              </a:spcAft>
              <a:buClr>
                <a:schemeClr val="dk1"/>
              </a:buClr>
              <a:buSzPts val="1100"/>
              <a:buFont typeface="Arial"/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974602356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0" name="Google Shape;330;g2ac85562395_1_247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31" name="Google Shape;331;g2ac85562395_1_247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1200"/>
              </a:spcAft>
              <a:buClr>
                <a:schemeClr val="dk1"/>
              </a:buClr>
              <a:buSzPts val="1100"/>
              <a:buFont typeface="Arial"/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996222903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" name="Google Shape;337;g2ac85562395_1_25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38" name="Google Shape;338;g2ac85562395_1_25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1200"/>
              </a:spcAft>
              <a:buClr>
                <a:schemeClr val="dk1"/>
              </a:buClr>
              <a:buSzPts val="1100"/>
              <a:buFont typeface="Arial"/>
              <a:buNone/>
            </a:pPr>
            <a:endParaRPr/>
          </a:p>
        </p:txBody>
      </p:sp>
    </p:spTree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4" name="Google Shape;344;g2ac85562395_1_259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45" name="Google Shape;345;g2ac85562395_1_259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1200"/>
              </a:spcAft>
              <a:buClr>
                <a:schemeClr val="dk1"/>
              </a:buClr>
              <a:buSzPts val="1100"/>
              <a:buFont typeface="Arial"/>
              <a:buNone/>
            </a:pPr>
            <a:endParaRPr/>
          </a:p>
        </p:txBody>
      </p:sp>
    </p:spTree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" name="Google Shape;358;g2ac85562395_1_271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59" name="Google Shape;359;g2ac85562395_1_271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1200"/>
              </a:spcAft>
              <a:buClr>
                <a:schemeClr val="dk1"/>
              </a:buClr>
              <a:buSzPts val="1100"/>
              <a:buFont typeface="Arial"/>
              <a:buNone/>
            </a:pPr>
            <a:endParaRPr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" name="Google Shape;112;g2ac85562395_1_6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13" name="Google Shape;113;g2ac85562395_1_6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069996921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" name="Google Shape;358;g2ac85562395_1_271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59" name="Google Shape;359;g2ac85562395_1_271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1200"/>
              </a:spcAft>
              <a:buClr>
                <a:schemeClr val="dk1"/>
              </a:buClr>
              <a:buSzPts val="1100"/>
              <a:buFont typeface="Arial"/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017129703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0" name="Google Shape;330;g2ac85562395_1_247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31" name="Google Shape;331;g2ac85562395_1_247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1200"/>
              </a:spcAft>
              <a:buClr>
                <a:schemeClr val="dk1"/>
              </a:buClr>
              <a:buSzPts val="1100"/>
              <a:buFont typeface="Arial"/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909565824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8" name="Google Shape;588;g2ad40576a84_0_168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                      |         1 |         3 |       10 |       20 |       30 |       40 |       50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:----------------------|----------:|----------:|---------:|---------:|---------:|---------:|---------: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LogReg_R | 0.0209806 | 0.0215115 | 0.557152 | 0.558996 | 0.722183 | 0.90916  | 0.978339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LGBM_R   | 0.0132047 | 0.0462575 | 0.643147 | 0.777763 | 0.909101 | 0.968856 | 0.987557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XGB_R    | 0.830023  | 0.880463  | 0.90124  | 0.950827 | 0.952075 | 0.973572 | 0.973572 |</a:t>
            </a:r>
            <a:endParaRPr sz="1400"/>
          </a:p>
        </p:txBody>
      </p:sp>
      <p:sp>
        <p:nvSpPr>
          <p:cNvPr id="589" name="Google Shape;589;g2ad40576a84_0_168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02018526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8" name="Google Shape;588;g2ad40576a84_0_168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                      |         1 |         3 |       10 |       20 |       30 |       40 |       50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:----------------------|----------:|----------:|---------:|---------:|---------:|---------:|---------: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LogReg_R | 0.0209806 | 0.0215115 | 0.557152 | 0.558996 | 0.722183 | 0.90916  | 0.978339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LGBM_R   | 0.0132047 | 0.0462575 | 0.643147 | 0.777763 | 0.909101 | 0.968856 | 0.987557 |</a:t>
            </a:r>
            <a:endParaRPr sz="140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400"/>
              <a:t>| revenue_rate_XGB_R    | 0.830023  | 0.880463  | 0.90124  | 0.950827 | 0.952075 | 0.973572 | 0.973572 |</a:t>
            </a:r>
            <a:endParaRPr sz="1400"/>
          </a:p>
        </p:txBody>
      </p:sp>
      <p:sp>
        <p:nvSpPr>
          <p:cNvPr id="589" name="Google Shape;589;g2ad40576a84_0_168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76856876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4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0" name="Google Shape;150;g2ac85562395_1_9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51" name="Google Shape;151;g2ac85562395_1_9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7" name="Google Shape;157;g2ac85562395_1_99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58" name="Google Shape;158;g2ac85562395_1_99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 dirty="0"/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7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1" name="Google Shape;171;g2ac85562395_1_111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72" name="Google Shape;172;g2ac85562395_1_111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9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2" name="Google Shape;192;g2ac85562395_1_129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93" name="Google Shape;193;g2ac85562395_1_129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8988444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2"/>
          <p:cNvSpPr txBox="1">
            <a:spLocks noGrp="1"/>
          </p:cNvSpPr>
          <p:nvPr>
            <p:ph type="ctrTitle"/>
          </p:nvPr>
        </p:nvSpPr>
        <p:spPr>
          <a:xfrm>
            <a:off x="311708" y="744575"/>
            <a:ext cx="8520600" cy="20526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1pPr>
            <a:lvl2pPr lvl="1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2pPr>
            <a:lvl3pPr lvl="2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3pPr>
            <a:lvl4pPr lvl="3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4pPr>
            <a:lvl5pPr lvl="4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5pPr>
            <a:lvl6pPr lvl="5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6pPr>
            <a:lvl7pPr lvl="6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7pPr>
            <a:lvl8pPr lvl="7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8pPr>
            <a:lvl9pPr lvl="8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9pPr>
          </a:lstStyle>
          <a:p>
            <a:endParaRPr/>
          </a:p>
        </p:txBody>
      </p:sp>
      <p:sp>
        <p:nvSpPr>
          <p:cNvPr id="11" name="Google Shape;11;p2"/>
          <p:cNvSpPr txBox="1">
            <a:spLocks noGrp="1"/>
          </p:cNvSpPr>
          <p:nvPr>
            <p:ph type="subTitle" idx="1"/>
          </p:nvPr>
        </p:nvSpPr>
        <p:spPr>
          <a:xfrm>
            <a:off x="311700" y="2834125"/>
            <a:ext cx="8520600" cy="7926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9pPr>
          </a:lstStyle>
          <a:p>
            <a:endParaRPr/>
          </a:p>
        </p:txBody>
      </p:sp>
      <p:sp>
        <p:nvSpPr>
          <p:cNvPr id="12" name="Google Shape;12;p2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number">
  <p:cSld name="BIG_NUMBER">
    <p:spTree>
      <p:nvGrpSpPr>
        <p:cNvPr id="1" name="Shape 4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Google Shape;45;p11"/>
          <p:cNvSpPr txBox="1">
            <a:spLocks noGrp="1"/>
          </p:cNvSpPr>
          <p:nvPr>
            <p:ph type="title" hasCustomPrompt="1"/>
          </p:nvPr>
        </p:nvSpPr>
        <p:spPr>
          <a:xfrm>
            <a:off x="311700" y="1106125"/>
            <a:ext cx="8520600" cy="19635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1pPr>
            <a:lvl2pPr lvl="1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2pPr>
            <a:lvl3pPr lvl="2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3pPr>
            <a:lvl4pPr lvl="3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4pPr>
            <a:lvl5pPr lvl="4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5pPr>
            <a:lvl6pPr lvl="5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6pPr>
            <a:lvl7pPr lvl="6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7pPr>
            <a:lvl8pPr lvl="7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8pPr>
            <a:lvl9pPr lvl="8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9pPr>
          </a:lstStyle>
          <a:p>
            <a:r>
              <a:t>xx%</a:t>
            </a:r>
          </a:p>
        </p:txBody>
      </p:sp>
      <p:sp>
        <p:nvSpPr>
          <p:cNvPr id="46" name="Google Shape;46;p11"/>
          <p:cNvSpPr txBox="1">
            <a:spLocks noGrp="1"/>
          </p:cNvSpPr>
          <p:nvPr>
            <p:ph type="body" idx="1"/>
          </p:nvPr>
        </p:nvSpPr>
        <p:spPr>
          <a:xfrm>
            <a:off x="311700" y="3152225"/>
            <a:ext cx="8520600" cy="1300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 algn="ctr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algn="ctr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algn="ctr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algn="ctr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algn="ctr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algn="ctr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algn="ctr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algn="ctr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algn="ctr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47" name="Google Shape;47;p11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4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Google Shape;49;p12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Google Shape;55;p14"/>
          <p:cNvSpPr txBox="1">
            <a:spLocks noGrp="1"/>
          </p:cNvSpPr>
          <p:nvPr>
            <p:ph type="ctrTitle"/>
          </p:nvPr>
        </p:nvSpPr>
        <p:spPr>
          <a:xfrm>
            <a:off x="311708" y="744575"/>
            <a:ext cx="8520600" cy="2052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9pPr>
          </a:lstStyle>
          <a:p>
            <a:endParaRPr/>
          </a:p>
        </p:txBody>
      </p:sp>
      <p:sp>
        <p:nvSpPr>
          <p:cNvPr id="56" name="Google Shape;56;p14"/>
          <p:cNvSpPr txBox="1">
            <a:spLocks noGrp="1"/>
          </p:cNvSpPr>
          <p:nvPr>
            <p:ph type="subTitle" idx="1"/>
          </p:nvPr>
        </p:nvSpPr>
        <p:spPr>
          <a:xfrm>
            <a:off x="311700" y="2834125"/>
            <a:ext cx="8520600" cy="792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9pPr>
          </a:lstStyle>
          <a:p>
            <a:endParaRPr/>
          </a:p>
        </p:txBody>
      </p:sp>
      <p:sp>
        <p:nvSpPr>
          <p:cNvPr id="57" name="Google Shape;57;p14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_AND_BODY">
    <p:spTree>
      <p:nvGrpSpPr>
        <p:cNvPr id="1" name="Shape 5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Google Shape;59;p15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60" name="Google Shape;60;p15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61" name="Google Shape;61;p15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6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Google Shape;63;p16"/>
          <p:cNvSpPr txBox="1">
            <a:spLocks noGrp="1"/>
          </p:cNvSpPr>
          <p:nvPr>
            <p:ph type="title"/>
          </p:nvPr>
        </p:nvSpPr>
        <p:spPr>
          <a:xfrm>
            <a:off x="311700" y="2150850"/>
            <a:ext cx="8520600" cy="841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9pPr>
          </a:lstStyle>
          <a:p>
            <a:endParaRPr/>
          </a:p>
        </p:txBody>
      </p:sp>
      <p:sp>
        <p:nvSpPr>
          <p:cNvPr id="64" name="Google Shape;64;p16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two columns" type="twoColTx">
  <p:cSld name="TITLE_AND_TWO_COLUMNS">
    <p:spTree>
      <p:nvGrpSpPr>
        <p:cNvPr id="1" name="Shape 6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" name="Google Shape;66;p17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67" name="Google Shape;67;p17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39999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400"/>
            </a:lvl1pPr>
            <a:lvl2pPr marL="914400" lvl="1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68" name="Google Shape;68;p17"/>
          <p:cNvSpPr txBox="1">
            <a:spLocks noGrp="1"/>
          </p:cNvSpPr>
          <p:nvPr>
            <p:ph type="body" idx="2"/>
          </p:nvPr>
        </p:nvSpPr>
        <p:spPr>
          <a:xfrm>
            <a:off x="4832400" y="1152475"/>
            <a:ext cx="39999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400"/>
            </a:lvl1pPr>
            <a:lvl2pPr marL="914400" lvl="1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69" name="Google Shape;69;p17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type="titleOnly">
  <p:cSld name="TITLE_ONLY">
    <p:spTree>
      <p:nvGrpSpPr>
        <p:cNvPr id="1" name="Shape 7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" name="Google Shape;71;p18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72" name="Google Shape;72;p18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One column text">
  <p:cSld name="ONE_COLUMN_TEXT"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Google Shape;74;p19"/>
          <p:cNvSpPr txBox="1">
            <a:spLocks noGrp="1"/>
          </p:cNvSpPr>
          <p:nvPr>
            <p:ph type="title"/>
          </p:nvPr>
        </p:nvSpPr>
        <p:spPr>
          <a:xfrm>
            <a:off x="311700" y="555600"/>
            <a:ext cx="2808000" cy="75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9pPr>
          </a:lstStyle>
          <a:p>
            <a:endParaRPr/>
          </a:p>
        </p:txBody>
      </p:sp>
      <p:sp>
        <p:nvSpPr>
          <p:cNvPr id="75" name="Google Shape;75;p19"/>
          <p:cNvSpPr txBox="1">
            <a:spLocks noGrp="1"/>
          </p:cNvSpPr>
          <p:nvPr>
            <p:ph type="body" idx="1"/>
          </p:nvPr>
        </p:nvSpPr>
        <p:spPr>
          <a:xfrm>
            <a:off x="311700" y="1389600"/>
            <a:ext cx="2808000" cy="3179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1pPr>
            <a:lvl2pPr marL="914400" lvl="1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76" name="Google Shape;76;p19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Main point">
  <p:cSld name="MAIN_POINT">
    <p:spTree>
      <p:nvGrpSpPr>
        <p:cNvPr id="1" name="Shape 7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Google Shape;78;p20"/>
          <p:cNvSpPr txBox="1">
            <a:spLocks noGrp="1"/>
          </p:cNvSpPr>
          <p:nvPr>
            <p:ph type="title"/>
          </p:nvPr>
        </p:nvSpPr>
        <p:spPr>
          <a:xfrm>
            <a:off x="490250" y="450150"/>
            <a:ext cx="6367800" cy="4090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9pPr>
          </a:lstStyle>
          <a:p>
            <a:endParaRPr/>
          </a:p>
        </p:txBody>
      </p:sp>
      <p:sp>
        <p:nvSpPr>
          <p:cNvPr id="79" name="Google Shape;79;p20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title and description">
  <p:cSld name="SECTION_TITLE_AND_DESCRIPTION"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Google Shape;81;p21"/>
          <p:cNvSpPr/>
          <p:nvPr/>
        </p:nvSpPr>
        <p:spPr>
          <a:xfrm>
            <a:off x="4572000" y="-125"/>
            <a:ext cx="4572000" cy="5143500"/>
          </a:xfrm>
          <a:prstGeom prst="rect">
            <a:avLst/>
          </a:prstGeom>
          <a:solidFill>
            <a:schemeClr val="lt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82" name="Google Shape;82;p21"/>
          <p:cNvSpPr txBox="1">
            <a:spLocks noGrp="1"/>
          </p:cNvSpPr>
          <p:nvPr>
            <p:ph type="title"/>
          </p:nvPr>
        </p:nvSpPr>
        <p:spPr>
          <a:xfrm>
            <a:off x="265500" y="1233175"/>
            <a:ext cx="4045200" cy="1482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9pPr>
          </a:lstStyle>
          <a:p>
            <a:endParaRPr/>
          </a:p>
        </p:txBody>
      </p:sp>
      <p:sp>
        <p:nvSpPr>
          <p:cNvPr id="83" name="Google Shape;83;p21"/>
          <p:cNvSpPr txBox="1">
            <a:spLocks noGrp="1"/>
          </p:cNvSpPr>
          <p:nvPr>
            <p:ph type="subTitle" idx="1"/>
          </p:nvPr>
        </p:nvSpPr>
        <p:spPr>
          <a:xfrm>
            <a:off x="265500" y="2803075"/>
            <a:ext cx="4045200" cy="123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9pPr>
          </a:lstStyle>
          <a:p>
            <a:endParaRPr/>
          </a:p>
        </p:txBody>
      </p:sp>
      <p:sp>
        <p:nvSpPr>
          <p:cNvPr id="84" name="Google Shape;84;p21"/>
          <p:cNvSpPr txBox="1">
            <a:spLocks noGrp="1"/>
          </p:cNvSpPr>
          <p:nvPr>
            <p:ph type="body" idx="2"/>
          </p:nvPr>
        </p:nvSpPr>
        <p:spPr>
          <a:xfrm>
            <a:off x="4939500" y="724075"/>
            <a:ext cx="3837000" cy="369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457200" lvl="0" indent="-3429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85" name="Google Shape;85;p21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4;p3"/>
          <p:cNvSpPr txBox="1">
            <a:spLocks noGrp="1"/>
          </p:cNvSpPr>
          <p:nvPr>
            <p:ph type="title"/>
          </p:nvPr>
        </p:nvSpPr>
        <p:spPr>
          <a:xfrm>
            <a:off x="311700" y="2150850"/>
            <a:ext cx="8520600" cy="841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1pPr>
            <a:lvl2pPr lvl="1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2pPr>
            <a:lvl3pPr lvl="2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3pPr>
            <a:lvl4pPr lvl="3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4pPr>
            <a:lvl5pPr lvl="4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5pPr>
            <a:lvl6pPr lvl="5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6pPr>
            <a:lvl7pPr lvl="6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7pPr>
            <a:lvl8pPr lvl="7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8pPr>
            <a:lvl9pPr lvl="8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9pPr>
          </a:lstStyle>
          <a:p>
            <a:endParaRPr/>
          </a:p>
        </p:txBody>
      </p:sp>
      <p:sp>
        <p:nvSpPr>
          <p:cNvPr id="15" name="Google Shape;15;p3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aption">
  <p:cSld name="CAPTION_ONLY">
    <p:spTree>
      <p:nvGrpSpPr>
        <p:cNvPr id="1" name="Shape 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Google Shape;87;p22"/>
          <p:cNvSpPr txBox="1">
            <a:spLocks noGrp="1"/>
          </p:cNvSpPr>
          <p:nvPr>
            <p:ph type="body" idx="1"/>
          </p:nvPr>
        </p:nvSpPr>
        <p:spPr>
          <a:xfrm>
            <a:off x="311700" y="4230575"/>
            <a:ext cx="5998800" cy="60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/>
            </a:lvl1pPr>
          </a:lstStyle>
          <a:p>
            <a:endParaRPr/>
          </a:p>
        </p:txBody>
      </p:sp>
      <p:sp>
        <p:nvSpPr>
          <p:cNvPr id="88" name="Google Shape;88;p22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number">
  <p:cSld name="BIG_NUMBER">
    <p:spTree>
      <p:nvGrpSpPr>
        <p:cNvPr id="1" name="Shape 8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Google Shape;90;p23"/>
          <p:cNvSpPr txBox="1">
            <a:spLocks noGrp="1"/>
          </p:cNvSpPr>
          <p:nvPr>
            <p:ph type="title" hasCustomPrompt="1"/>
          </p:nvPr>
        </p:nvSpPr>
        <p:spPr>
          <a:xfrm>
            <a:off x="311700" y="1106125"/>
            <a:ext cx="8520600" cy="196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9pPr>
          </a:lstStyle>
          <a:p>
            <a:r>
              <a:t>xx%</a:t>
            </a:r>
          </a:p>
        </p:txBody>
      </p:sp>
      <p:sp>
        <p:nvSpPr>
          <p:cNvPr id="91" name="Google Shape;91;p23"/>
          <p:cNvSpPr txBox="1">
            <a:spLocks noGrp="1"/>
          </p:cNvSpPr>
          <p:nvPr>
            <p:ph type="body" idx="1"/>
          </p:nvPr>
        </p:nvSpPr>
        <p:spPr>
          <a:xfrm>
            <a:off x="311700" y="3152225"/>
            <a:ext cx="8520600" cy="1300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92" name="Google Shape;92;p23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3A434426-F200-4E9B-89A6-BADA754502C1}"/>
              </a:ext>
            </a:extLst>
          </p:cNvPr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 smtClean="0"/>
              <a:t>‹#›</a:t>
            </a:fld>
            <a:endParaRPr lang="en"/>
          </a:p>
        </p:txBody>
      </p:sp>
    </p:spTree>
    <p:extLst>
      <p:ext uri="{BB962C8B-B14F-4D97-AF65-F5344CB8AC3E}">
        <p14:creationId xmlns:p14="http://schemas.microsoft.com/office/powerpoint/2010/main" val="9934900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_AND_BODY">
    <p:spTree>
      <p:nvGrpSpPr>
        <p:cNvPr id="1" name="Shape 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Google Shape;17;p4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18" name="Google Shape;18;p4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19" name="Google Shape;19;p4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two columns" type="twoColTx">
  <p:cSld name="TITLE_AND_TWO_COLUMNS">
    <p:spTree>
      <p:nvGrpSpPr>
        <p:cNvPr id="1" name="Shape 2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Google Shape;21;p5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22" name="Google Shape;22;p5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3999900" cy="3416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400"/>
            </a:lvl1pPr>
            <a:lvl2pPr marL="914400" lvl="1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23" name="Google Shape;23;p5"/>
          <p:cNvSpPr txBox="1">
            <a:spLocks noGrp="1"/>
          </p:cNvSpPr>
          <p:nvPr>
            <p:ph type="body" idx="2"/>
          </p:nvPr>
        </p:nvSpPr>
        <p:spPr>
          <a:xfrm>
            <a:off x="4832400" y="1152475"/>
            <a:ext cx="3999900" cy="3416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400"/>
            </a:lvl1pPr>
            <a:lvl2pPr marL="914400" lvl="1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24" name="Google Shape;24;p5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type="titleOnly">
  <p:cSld name="TITLE_ONLY">
    <p:spTree>
      <p:nvGrpSpPr>
        <p:cNvPr id="1" name="Shape 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Google Shape;26;p6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27" name="Google Shape;27;p6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One column text">
  <p:cSld name="ONE_COLUMN_TEXT">
    <p:spTree>
      <p:nvGrpSpPr>
        <p:cNvPr id="1" name="Shape 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Google Shape;29;p7"/>
          <p:cNvSpPr txBox="1">
            <a:spLocks noGrp="1"/>
          </p:cNvSpPr>
          <p:nvPr>
            <p:ph type="title"/>
          </p:nvPr>
        </p:nvSpPr>
        <p:spPr>
          <a:xfrm>
            <a:off x="311700" y="555600"/>
            <a:ext cx="2808000" cy="7557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1pPr>
            <a:lvl2pPr lvl="1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2pPr>
            <a:lvl3pPr lvl="2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3pPr>
            <a:lvl4pPr lvl="3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4pPr>
            <a:lvl5pPr lvl="4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5pPr>
            <a:lvl6pPr lvl="5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6pPr>
            <a:lvl7pPr lvl="6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7pPr>
            <a:lvl8pPr lvl="7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8pPr>
            <a:lvl9pPr lvl="8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9pPr>
          </a:lstStyle>
          <a:p>
            <a:endParaRPr/>
          </a:p>
        </p:txBody>
      </p:sp>
      <p:sp>
        <p:nvSpPr>
          <p:cNvPr id="30" name="Google Shape;30;p7"/>
          <p:cNvSpPr txBox="1">
            <a:spLocks noGrp="1"/>
          </p:cNvSpPr>
          <p:nvPr>
            <p:ph type="body" idx="1"/>
          </p:nvPr>
        </p:nvSpPr>
        <p:spPr>
          <a:xfrm>
            <a:off x="311700" y="1389600"/>
            <a:ext cx="2808000" cy="3179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1pPr>
            <a:lvl2pPr marL="914400" lvl="1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31" name="Google Shape;31;p7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Main point">
  <p:cSld name="MAIN_POINT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p8"/>
          <p:cNvSpPr txBox="1">
            <a:spLocks noGrp="1"/>
          </p:cNvSpPr>
          <p:nvPr>
            <p:ph type="title"/>
          </p:nvPr>
        </p:nvSpPr>
        <p:spPr>
          <a:xfrm>
            <a:off x="490250" y="450150"/>
            <a:ext cx="6367800" cy="4090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1pPr>
            <a:lvl2pPr lvl="1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2pPr>
            <a:lvl3pPr lvl="2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3pPr>
            <a:lvl4pPr lvl="3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4pPr>
            <a:lvl5pPr lvl="4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5pPr>
            <a:lvl6pPr lvl="5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6pPr>
            <a:lvl7pPr lvl="6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7pPr>
            <a:lvl8pPr lvl="7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8pPr>
            <a:lvl9pPr lvl="8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9pPr>
          </a:lstStyle>
          <a:p>
            <a:endParaRPr/>
          </a:p>
        </p:txBody>
      </p:sp>
      <p:sp>
        <p:nvSpPr>
          <p:cNvPr id="34" name="Google Shape;34;p8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title and description">
  <p:cSld name="SECTION_TITLE_AND_DESCRIPTION">
    <p:spTree>
      <p:nvGrpSpPr>
        <p:cNvPr id="1" name="Shape 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Google Shape;36;p9"/>
          <p:cNvSpPr/>
          <p:nvPr/>
        </p:nvSpPr>
        <p:spPr>
          <a:xfrm>
            <a:off x="4572000" y="-125"/>
            <a:ext cx="4572000" cy="5143500"/>
          </a:xfrm>
          <a:prstGeom prst="rect">
            <a:avLst/>
          </a:prstGeom>
          <a:solidFill>
            <a:schemeClr val="lt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7" name="Google Shape;37;p9"/>
          <p:cNvSpPr txBox="1">
            <a:spLocks noGrp="1"/>
          </p:cNvSpPr>
          <p:nvPr>
            <p:ph type="title"/>
          </p:nvPr>
        </p:nvSpPr>
        <p:spPr>
          <a:xfrm>
            <a:off x="265500" y="1233175"/>
            <a:ext cx="4045200" cy="1482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1pPr>
            <a:lvl2pPr lvl="1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2pPr>
            <a:lvl3pPr lvl="2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3pPr>
            <a:lvl4pPr lvl="3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4pPr>
            <a:lvl5pPr lvl="4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5pPr>
            <a:lvl6pPr lvl="5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6pPr>
            <a:lvl7pPr lvl="6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7pPr>
            <a:lvl8pPr lvl="7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8pPr>
            <a:lvl9pPr lvl="8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9pPr>
          </a:lstStyle>
          <a:p>
            <a:endParaRPr/>
          </a:p>
        </p:txBody>
      </p:sp>
      <p:sp>
        <p:nvSpPr>
          <p:cNvPr id="38" name="Google Shape;38;p9"/>
          <p:cNvSpPr txBox="1">
            <a:spLocks noGrp="1"/>
          </p:cNvSpPr>
          <p:nvPr>
            <p:ph type="subTitle" idx="1"/>
          </p:nvPr>
        </p:nvSpPr>
        <p:spPr>
          <a:xfrm>
            <a:off x="265500" y="2803075"/>
            <a:ext cx="4045200" cy="12351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9pPr>
          </a:lstStyle>
          <a:p>
            <a:endParaRPr/>
          </a:p>
        </p:txBody>
      </p:sp>
      <p:sp>
        <p:nvSpPr>
          <p:cNvPr id="39" name="Google Shape;39;p9"/>
          <p:cNvSpPr txBox="1">
            <a:spLocks noGrp="1"/>
          </p:cNvSpPr>
          <p:nvPr>
            <p:ph type="body" idx="2"/>
          </p:nvPr>
        </p:nvSpPr>
        <p:spPr>
          <a:xfrm>
            <a:off x="4939500" y="724075"/>
            <a:ext cx="3837000" cy="36951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marL="457200" lvl="0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40" name="Google Shape;40;p9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aption">
  <p:cSld name="CAPTION_ONLY">
    <p:spTree>
      <p:nvGrpSpPr>
        <p:cNvPr id="1" name="Shape 4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Google Shape;42;p10"/>
          <p:cNvSpPr txBox="1">
            <a:spLocks noGrp="1"/>
          </p:cNvSpPr>
          <p:nvPr>
            <p:ph type="body" idx="1"/>
          </p:nvPr>
        </p:nvSpPr>
        <p:spPr>
          <a:xfrm>
            <a:off x="311700" y="4230575"/>
            <a:ext cx="5998800" cy="6051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marL="457200" lvl="0" indent="-2286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/>
            </a:lvl1pPr>
          </a:lstStyle>
          <a:p>
            <a:endParaRPr/>
          </a:p>
        </p:txBody>
      </p:sp>
      <p:sp>
        <p:nvSpPr>
          <p:cNvPr id="43" name="Google Shape;43;p10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-2">
    <p:bg>
      <p:bgPr>
        <a:solidFill>
          <a:schemeClr val="lt1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800"/>
              <a:buChar char="●"/>
              <a:defRPr sz="1800">
                <a:solidFill>
                  <a:schemeClr val="dk2"/>
                </a:solidFill>
              </a:defRPr>
            </a:lvl1pPr>
            <a:lvl2pPr marL="914400" lvl="1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○"/>
              <a:defRPr>
                <a:solidFill>
                  <a:schemeClr val="dk2"/>
                </a:solidFill>
              </a:defRPr>
            </a:lvl2pPr>
            <a:lvl3pPr marL="1371600" lvl="2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■"/>
              <a:defRPr>
                <a:solidFill>
                  <a:schemeClr val="dk2"/>
                </a:solidFill>
              </a:defRPr>
            </a:lvl3pPr>
            <a:lvl4pPr marL="1828800" lvl="3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●"/>
              <a:defRPr>
                <a:solidFill>
                  <a:schemeClr val="dk2"/>
                </a:solidFill>
              </a:defRPr>
            </a:lvl4pPr>
            <a:lvl5pPr marL="2286000" lvl="4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○"/>
              <a:defRPr>
                <a:solidFill>
                  <a:schemeClr val="dk2"/>
                </a:solidFill>
              </a:defRPr>
            </a:lvl5pPr>
            <a:lvl6pPr marL="2743200" lvl="5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■"/>
              <a:defRPr>
                <a:solidFill>
                  <a:schemeClr val="dk2"/>
                </a:solidFill>
              </a:defRPr>
            </a:lvl6pPr>
            <a:lvl7pPr marL="3200400" lvl="6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●"/>
              <a:defRPr>
                <a:solidFill>
                  <a:schemeClr val="dk2"/>
                </a:solidFill>
              </a:defRPr>
            </a:lvl7pPr>
            <a:lvl8pPr marL="3657600" lvl="7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○"/>
              <a:defRPr>
                <a:solidFill>
                  <a:schemeClr val="dk2"/>
                </a:solidFill>
              </a:defRPr>
            </a:lvl8pPr>
            <a:lvl9pPr marL="4114800" lvl="8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■"/>
              <a:defRPr>
                <a:solidFill>
                  <a:schemeClr val="dk2"/>
                </a:solidFill>
              </a:defRPr>
            </a:lvl9pPr>
          </a:lstStyle>
          <a:p>
            <a:endParaRPr/>
          </a:p>
        </p:txBody>
      </p:sp>
      <p:sp>
        <p:nvSpPr>
          <p:cNvPr id="8" name="Google Shape;8;p1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lvl="0" algn="r">
              <a:buNone/>
              <a:defRPr sz="1000">
                <a:solidFill>
                  <a:schemeClr val="dk2"/>
                </a:solidFill>
              </a:defRPr>
            </a:lvl1pPr>
            <a:lvl2pPr lvl="1" algn="r">
              <a:buNone/>
              <a:defRPr sz="1000">
                <a:solidFill>
                  <a:schemeClr val="dk2"/>
                </a:solidFill>
              </a:defRPr>
            </a:lvl2pPr>
            <a:lvl3pPr lvl="2" algn="r">
              <a:buNone/>
              <a:defRPr sz="1000">
                <a:solidFill>
                  <a:schemeClr val="dk2"/>
                </a:solidFill>
              </a:defRPr>
            </a:lvl3pPr>
            <a:lvl4pPr lvl="3" algn="r">
              <a:buNone/>
              <a:defRPr sz="1000">
                <a:solidFill>
                  <a:schemeClr val="dk2"/>
                </a:solidFill>
              </a:defRPr>
            </a:lvl4pPr>
            <a:lvl5pPr lvl="4" algn="r">
              <a:buNone/>
              <a:defRPr sz="1000">
                <a:solidFill>
                  <a:schemeClr val="dk2"/>
                </a:solidFill>
              </a:defRPr>
            </a:lvl5pPr>
            <a:lvl6pPr lvl="5" algn="r">
              <a:buNone/>
              <a:defRPr sz="1000">
                <a:solidFill>
                  <a:schemeClr val="dk2"/>
                </a:solidFill>
              </a:defRPr>
            </a:lvl6pPr>
            <a:lvl7pPr lvl="6" algn="r">
              <a:buNone/>
              <a:defRPr sz="1000">
                <a:solidFill>
                  <a:schemeClr val="dk2"/>
                </a:solidFill>
              </a:defRPr>
            </a:lvl7pPr>
            <a:lvl8pPr lvl="7" algn="r">
              <a:buNone/>
              <a:defRPr sz="1000">
                <a:solidFill>
                  <a:schemeClr val="dk2"/>
                </a:solidFill>
              </a:defRPr>
            </a:lvl8pPr>
            <a:lvl9pPr lvl="8" algn="r">
              <a:buNone/>
              <a:defRPr sz="1000">
                <a:solidFill>
                  <a:schemeClr val="dk2"/>
                </a:solidFill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49" r:id="rId2"/>
    <p:sldLayoutId id="2147483650" r:id="rId3"/>
    <p:sldLayoutId id="2147483651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  <p:sldLayoutId id="2147483658" r:id="rId11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-2">
    <p:bg>
      <p:bgPr>
        <a:solidFill>
          <a:schemeClr val="lt1"/>
        </a:solidFill>
        <a:effectLst/>
      </p:bgPr>
    </p:bg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Google Shape;51;p13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marR="0" lvl="0" indent="-3429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800"/>
              <a:buFont typeface="Arial"/>
              <a:buChar char="●"/>
              <a:defRPr sz="18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914400" marR="0" lvl="1" indent="-3175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175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175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175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175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175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175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53" name="Google Shape;53;p13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59" r:id="rId1"/>
    <p:sldLayoutId id="2147483660" r:id="rId2"/>
    <p:sldLayoutId id="2147483661" r:id="rId3"/>
    <p:sldLayoutId id="2147483662" r:id="rId4"/>
    <p:sldLayoutId id="2147483663" r:id="rId5"/>
    <p:sldLayoutId id="2147483664" r:id="rId6"/>
    <p:sldLayoutId id="2147483665" r:id="rId7"/>
    <p:sldLayoutId id="2147483666" r:id="rId8"/>
    <p:sldLayoutId id="2147483667" r:id="rId9"/>
    <p:sldLayoutId id="2147483668" r:id="rId10"/>
    <p:sldLayoutId id="2147483672" r:id="rId11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jpg"/><Relationship Id="rId12" Type="http://schemas.openxmlformats.org/officeDocument/2006/relationships/image" Target="../media/image2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0.jpg"/><Relationship Id="rId11" Type="http://schemas.openxmlformats.org/officeDocument/2006/relationships/image" Target="../media/image15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diagramData" Target="../diagrams/data6.xml"/><Relationship Id="rId7" Type="http://schemas.microsoft.com/office/2007/relationships/diagramDrawing" Target="../diagrams/drawing6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6.xml"/><Relationship Id="rId5" Type="http://schemas.openxmlformats.org/officeDocument/2006/relationships/diagramQuickStyle" Target="../diagrams/quickStyle6.xml"/><Relationship Id="rId4" Type="http://schemas.openxmlformats.org/officeDocument/2006/relationships/diagramLayout" Target="../diagrams/layout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diagramData" Target="../diagrams/data7.xml"/><Relationship Id="rId7" Type="http://schemas.microsoft.com/office/2007/relationships/diagramDrawing" Target="../diagrams/drawing7.xml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7.xml"/><Relationship Id="rId5" Type="http://schemas.openxmlformats.org/officeDocument/2006/relationships/diagramQuickStyle" Target="../diagrams/quickStyle7.xml"/><Relationship Id="rId4" Type="http://schemas.openxmlformats.org/officeDocument/2006/relationships/diagramLayout" Target="../diagrams/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2.xml"/><Relationship Id="rId5" Type="http://schemas.openxmlformats.org/officeDocument/2006/relationships/image" Target="../media/image2.png"/><Relationship Id="rId4" Type="http://schemas.openxmlformats.org/officeDocument/2006/relationships/image" Target="../media/image24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2.xml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diagramData" Target="../diagrams/data8.xml"/><Relationship Id="rId7" Type="http://schemas.microsoft.com/office/2007/relationships/diagramDrawing" Target="../diagrams/drawing8.xml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8.xml"/><Relationship Id="rId5" Type="http://schemas.openxmlformats.org/officeDocument/2006/relationships/diagramQuickStyle" Target="../diagrams/quickStyle8.xml"/><Relationship Id="rId4" Type="http://schemas.openxmlformats.org/officeDocument/2006/relationships/diagramLayout" Target="../diagrams/layout8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34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36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38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jpeg"/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eg"/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.png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jpeg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eg"/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eg"/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.png"/></Relationships>
</file>

<file path=ppt/slides/_rels/slide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diagramData" Target="../diagrams/data9.xml"/><Relationship Id="rId7" Type="http://schemas.microsoft.com/office/2007/relationships/diagramDrawing" Target="../diagrams/drawing9.xml"/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9.xml"/><Relationship Id="rId5" Type="http://schemas.openxmlformats.org/officeDocument/2006/relationships/diagramQuickStyle" Target="../diagrams/quickStyle9.xml"/><Relationship Id="rId4" Type="http://schemas.openxmlformats.org/officeDocument/2006/relationships/diagramLayout" Target="../diagrams/layout9.xml"/></Relationships>
</file>

<file path=ppt/slides/_rels/slide4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22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2.png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46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0.xml"/><Relationship Id="rId3" Type="http://schemas.openxmlformats.org/officeDocument/2006/relationships/image" Target="../media/image2.png"/><Relationship Id="rId7" Type="http://schemas.openxmlformats.org/officeDocument/2006/relationships/diagramColors" Target="../diagrams/colors10.xml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13.xml"/><Relationship Id="rId6" Type="http://schemas.openxmlformats.org/officeDocument/2006/relationships/diagramQuickStyle" Target="../diagrams/quickStyle10.xml"/><Relationship Id="rId5" Type="http://schemas.openxmlformats.org/officeDocument/2006/relationships/diagramLayout" Target="../diagrams/layout10.xml"/><Relationship Id="rId4" Type="http://schemas.openxmlformats.org/officeDocument/2006/relationships/diagramData" Target="../diagrams/data10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.png"/></Relationships>
</file>

<file path=ppt/slides/_rels/slide48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1.xml"/><Relationship Id="rId3" Type="http://schemas.openxmlformats.org/officeDocument/2006/relationships/image" Target="../media/image2.png"/><Relationship Id="rId7" Type="http://schemas.openxmlformats.org/officeDocument/2006/relationships/diagramColors" Target="../diagrams/colors11.xml"/><Relationship Id="rId2" Type="http://schemas.openxmlformats.org/officeDocument/2006/relationships/notesSlide" Target="../notesSlides/notesSlide47.xml"/><Relationship Id="rId1" Type="http://schemas.openxmlformats.org/officeDocument/2006/relationships/slideLayout" Target="../slideLayouts/slideLayout13.xml"/><Relationship Id="rId6" Type="http://schemas.openxmlformats.org/officeDocument/2006/relationships/diagramQuickStyle" Target="../diagrams/quickStyle11.xml"/><Relationship Id="rId5" Type="http://schemas.openxmlformats.org/officeDocument/2006/relationships/diagramLayout" Target="../diagrams/layout11.xml"/><Relationship Id="rId4" Type="http://schemas.openxmlformats.org/officeDocument/2006/relationships/diagramData" Target="../diagrams/data11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48.xml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49.xml"/><Relationship Id="rId1" Type="http://schemas.openxmlformats.org/officeDocument/2006/relationships/slideLayout" Target="../slideLayouts/slideLayout13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50.xml"/><Relationship Id="rId1" Type="http://schemas.openxmlformats.org/officeDocument/2006/relationships/slideLayout" Target="../slideLayouts/slideLayout13.xml"/><Relationship Id="rId5" Type="http://schemas.microsoft.com/office/2007/relationships/hdphoto" Target="../media/hdphoto1.wdp"/><Relationship Id="rId4" Type="http://schemas.openxmlformats.org/officeDocument/2006/relationships/image" Target="../media/image49.pn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51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.png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notesSlide" Target="../notesSlides/notesSlide52.xml"/><Relationship Id="rId1" Type="http://schemas.openxmlformats.org/officeDocument/2006/relationships/slideLayout" Target="../slideLayouts/slideLayout22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notesSlide" Target="../notesSlides/notesSlide53.xml"/><Relationship Id="rId1" Type="http://schemas.openxmlformats.org/officeDocument/2006/relationships/slideLayout" Target="../slideLayouts/slideLayout22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4.xml"/><Relationship Id="rId5" Type="http://schemas.openxmlformats.org/officeDocument/2006/relationships/diagramQuickStyle" Target="../diagrams/quickStyle4.xml"/><Relationship Id="rId4" Type="http://schemas.openxmlformats.org/officeDocument/2006/relationships/diagramLayout" Target="../diagrams/layout4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" name="Google Shape;99;p25"/>
          <p:cNvSpPr txBox="1">
            <a:spLocks noGrp="1"/>
          </p:cNvSpPr>
          <p:nvPr>
            <p:ph type="ctrTitle"/>
          </p:nvPr>
        </p:nvSpPr>
        <p:spPr>
          <a:xfrm>
            <a:off x="392550" y="319017"/>
            <a:ext cx="3257400" cy="170813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</a:pPr>
            <a:r>
              <a:rPr lang="en" sz="2800" dirty="0">
                <a:latin typeface="Inter"/>
                <a:ea typeface="Inter"/>
                <a:cs typeface="Inter"/>
                <a:sym typeface="Inter"/>
              </a:rPr>
              <a:t>Data Analytics for Customs</a:t>
            </a:r>
            <a:endParaRPr sz="2800" dirty="0"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</a:pPr>
            <a:endParaRPr sz="1100" dirty="0"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5200"/>
              <a:buNone/>
            </a:pPr>
            <a:r>
              <a:rPr lang="en" sz="1600" dirty="0">
                <a:latin typeface="Inter"/>
                <a:ea typeface="Inter"/>
                <a:cs typeface="Inter"/>
                <a:sym typeface="Inter"/>
              </a:rPr>
              <a:t>WCO BACUDA Data Analytics Programme 2023 (2nd Edition) </a:t>
            </a:r>
            <a:endParaRPr sz="1600" dirty="0">
              <a:latin typeface="Inter"/>
              <a:ea typeface="Inter"/>
              <a:cs typeface="Inter"/>
              <a:sym typeface="Inter"/>
            </a:endParaRPr>
          </a:p>
        </p:txBody>
      </p:sp>
      <p:sp>
        <p:nvSpPr>
          <p:cNvPr id="100" name="Google Shape;100;p25"/>
          <p:cNvSpPr txBox="1">
            <a:spLocks noGrp="1"/>
          </p:cNvSpPr>
          <p:nvPr>
            <p:ph type="subTitle" idx="1"/>
          </p:nvPr>
        </p:nvSpPr>
        <p:spPr>
          <a:xfrm>
            <a:off x="392550" y="2412390"/>
            <a:ext cx="3342594" cy="10680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1600" dirty="0">
                <a:latin typeface="Inter"/>
                <a:ea typeface="Inter"/>
                <a:cs typeface="Inter"/>
                <a:sym typeface="Inter"/>
              </a:rPr>
              <a:t>Project Proposal: </a:t>
            </a:r>
            <a:endParaRPr dirty="0"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endParaRPr sz="1600" dirty="0"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1600" b="1" dirty="0">
                <a:latin typeface="Inter"/>
                <a:ea typeface="Inter"/>
                <a:cs typeface="Inter"/>
                <a:sym typeface="Inter"/>
              </a:rPr>
              <a:t>AI-</a:t>
            </a:r>
            <a:r>
              <a:rPr lang="en-US" sz="1600" b="1" dirty="0">
                <a:latin typeface="Inter"/>
                <a:ea typeface="Inter"/>
                <a:cs typeface="Inter"/>
                <a:sym typeface="Inter"/>
              </a:rPr>
              <a:t>B</a:t>
            </a:r>
            <a:r>
              <a:rPr lang="en" sz="1600" b="1" dirty="0">
                <a:latin typeface="Inter"/>
                <a:ea typeface="Inter"/>
                <a:cs typeface="Inter"/>
                <a:sym typeface="Inter"/>
              </a:rPr>
              <a:t>ased Risk Cargo Selectivity For Customs Fraud Detection</a:t>
            </a:r>
            <a:endParaRPr sz="1600" b="1" dirty="0">
              <a:latin typeface="Inter"/>
              <a:ea typeface="Inter"/>
              <a:cs typeface="Inter"/>
              <a:sym typeface="Inter"/>
            </a:endParaRPr>
          </a:p>
        </p:txBody>
      </p:sp>
      <p:pic>
        <p:nvPicPr>
          <p:cNvPr id="101" name="Google Shape;101;p2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4000500" y="0"/>
            <a:ext cx="5143501" cy="5143501"/>
          </a:xfrm>
          <a:prstGeom prst="rect">
            <a:avLst/>
          </a:prstGeom>
          <a:noFill/>
          <a:ln>
            <a:noFill/>
          </a:ln>
        </p:spPr>
      </p:pic>
      <p:pic>
        <p:nvPicPr>
          <p:cNvPr id="102" name="Google Shape;102;p25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094724" y="525375"/>
            <a:ext cx="2623025" cy="401575"/>
          </a:xfrm>
          <a:prstGeom prst="rect">
            <a:avLst/>
          </a:prstGeom>
          <a:noFill/>
          <a:ln>
            <a:noFill/>
          </a:ln>
        </p:spPr>
      </p:pic>
      <p:sp>
        <p:nvSpPr>
          <p:cNvPr id="103" name="Google Shape;103;p25"/>
          <p:cNvSpPr txBox="1"/>
          <p:nvPr/>
        </p:nvSpPr>
        <p:spPr>
          <a:xfrm>
            <a:off x="397044" y="3639824"/>
            <a:ext cx="3338100" cy="118465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Arial"/>
              <a:buNone/>
            </a:pPr>
            <a:r>
              <a:rPr lang="en" sz="1200" i="1" u="none" strike="noStrike" cap="none">
                <a:solidFill>
                  <a:schemeClr val="dk2"/>
                </a:solidFill>
                <a:latin typeface="Inter"/>
                <a:ea typeface="Inter"/>
                <a:cs typeface="Inter"/>
                <a:sym typeface="Inter"/>
              </a:rPr>
              <a:t>Team Members: </a:t>
            </a:r>
            <a:endParaRPr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Arial"/>
              <a:buNone/>
            </a:pPr>
            <a:endParaRPr sz="1200" i="1" u="none" strike="noStrike" cap="none">
              <a:solidFill>
                <a:schemeClr val="dk2"/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Arial"/>
              <a:buNone/>
            </a:pPr>
            <a:r>
              <a:rPr lang="en" sz="1200" i="1" u="none" strike="noStrike" cap="none">
                <a:solidFill>
                  <a:schemeClr val="dk2"/>
                </a:solidFill>
                <a:latin typeface="Inter"/>
                <a:ea typeface="Inter"/>
                <a:cs typeface="Inter"/>
                <a:sym typeface="Inter"/>
              </a:rPr>
              <a:t>1. Santiago Tedoldi (Argentina)</a:t>
            </a:r>
            <a:endParaRPr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Arial"/>
              <a:buNone/>
            </a:pPr>
            <a:r>
              <a:rPr lang="en" sz="1200" i="1" u="none" strike="noStrike" cap="none">
                <a:solidFill>
                  <a:schemeClr val="dk2"/>
                </a:solidFill>
                <a:latin typeface="Inter"/>
                <a:ea typeface="Inter"/>
                <a:cs typeface="Inter"/>
                <a:sym typeface="Inter"/>
              </a:rPr>
              <a:t>2. Iqbal Ismail (Maldives)</a:t>
            </a:r>
            <a:endParaRPr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Arial"/>
              <a:buNone/>
            </a:pPr>
            <a:r>
              <a:rPr lang="en" sz="1200" i="1" u="none" strike="noStrike" cap="none">
                <a:solidFill>
                  <a:schemeClr val="dk2"/>
                </a:solidFill>
                <a:latin typeface="Inter"/>
                <a:ea typeface="Inter"/>
                <a:cs typeface="Inter"/>
                <a:sym typeface="Inter"/>
              </a:rPr>
              <a:t>3. Ghanpriya Balliah (Mauritius)</a:t>
            </a:r>
            <a:endParaRPr>
              <a:latin typeface="Inter"/>
              <a:ea typeface="Inter"/>
              <a:cs typeface="Inter"/>
              <a:sym typeface="Inter"/>
            </a:endParaRP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0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2" name="Google Shape;202;p39"/>
          <p:cNvSpPr txBox="1">
            <a:spLocks noGrp="1"/>
          </p:cNvSpPr>
          <p:nvPr>
            <p:ph type="title"/>
          </p:nvPr>
        </p:nvSpPr>
        <p:spPr>
          <a:xfrm>
            <a:off x="0" y="-165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ATA COLLECTION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pSp>
        <p:nvGrpSpPr>
          <p:cNvPr id="5" name="Google Shape;373;p53">
            <a:extLst>
              <a:ext uri="{FF2B5EF4-FFF2-40B4-BE49-F238E27FC236}">
                <a16:creationId xmlns:a16="http://schemas.microsoft.com/office/drawing/2014/main" id="{FC99CB9A-0538-4564-B76F-8A4F502DF6F4}"/>
              </a:ext>
            </a:extLst>
          </p:cNvPr>
          <p:cNvGrpSpPr/>
          <p:nvPr/>
        </p:nvGrpSpPr>
        <p:grpSpPr>
          <a:xfrm>
            <a:off x="1017000" y="726840"/>
            <a:ext cx="7166357" cy="3771360"/>
            <a:chOff x="1017000" y="726840"/>
            <a:chExt cx="7166357" cy="3771360"/>
          </a:xfrm>
        </p:grpSpPr>
        <p:sp>
          <p:nvSpPr>
            <p:cNvPr id="6" name="Google Shape;374;p53">
              <a:extLst>
                <a:ext uri="{FF2B5EF4-FFF2-40B4-BE49-F238E27FC236}">
                  <a16:creationId xmlns:a16="http://schemas.microsoft.com/office/drawing/2014/main" id="{8BA1E8FE-9C9E-4278-9909-7EE520890257}"/>
                </a:ext>
              </a:extLst>
            </p:cNvPr>
            <p:cNvSpPr/>
            <p:nvPr/>
          </p:nvSpPr>
          <p:spPr>
            <a:xfrm>
              <a:off x="3492720" y="726840"/>
              <a:ext cx="425520" cy="425520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10800"/>
                  </a:moveTo>
                  <a:close/>
                </a:path>
              </a:pathLst>
            </a:custGeom>
            <a:blipFill>
              <a:blip r:embed="rId3">
                <a:alphaModFix/>
              </a:blip>
              <a:stretch>
                <a:fillRect/>
              </a:stretch>
            </a:blip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</p:sp>
        <p:sp>
          <p:nvSpPr>
            <p:cNvPr id="7" name="Google Shape;375;p53">
              <a:extLst>
                <a:ext uri="{FF2B5EF4-FFF2-40B4-BE49-F238E27FC236}">
                  <a16:creationId xmlns:a16="http://schemas.microsoft.com/office/drawing/2014/main" id="{E3388662-5E25-4A0F-B42B-9A72707469D5}"/>
                </a:ext>
              </a:extLst>
            </p:cNvPr>
            <p:cNvSpPr/>
            <p:nvPr/>
          </p:nvSpPr>
          <p:spPr>
            <a:xfrm>
              <a:off x="3931200" y="779400"/>
              <a:ext cx="4227317" cy="290710"/>
            </a:xfrm>
            <a:custGeom>
              <a:avLst/>
              <a:gdLst/>
              <a:ahLst/>
              <a:cxnLst/>
              <a:rect l="l" t="t" r="r" b="b"/>
              <a:pathLst>
                <a:path w="4227317" h="290710" extrusionOk="0">
                  <a:moveTo>
                    <a:pt x="0" y="0"/>
                  </a:moveTo>
                  <a:lnTo>
                    <a:pt x="4227317" y="0"/>
                  </a:lnTo>
                  <a:lnTo>
                    <a:pt x="4227317" y="290710"/>
                  </a:lnTo>
                  <a:lnTo>
                    <a:pt x="0" y="290710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33100" tIns="16550" rIns="33100" bIns="16550" anchor="ctr" anchorCtr="0">
              <a:noAutofit/>
            </a:bodyPr>
            <a:lstStyle/>
            <a:p>
              <a:pPr marL="0" marR="0" lvl="0" indent="0" algn="l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buNone/>
              </a:pPr>
              <a:endParaRPr sz="1300" b="0" i="0" u="none" strike="noStrike" cap="none"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8" name="Google Shape;376;p53">
              <a:extLst>
                <a:ext uri="{FF2B5EF4-FFF2-40B4-BE49-F238E27FC236}">
                  <a16:creationId xmlns:a16="http://schemas.microsoft.com/office/drawing/2014/main" id="{FB12FC34-5DA8-42A9-A8DA-70DF93792D8D}"/>
                </a:ext>
              </a:extLst>
            </p:cNvPr>
            <p:cNvSpPr/>
            <p:nvPr/>
          </p:nvSpPr>
          <p:spPr>
            <a:xfrm>
              <a:off x="3492720" y="1204920"/>
              <a:ext cx="425520" cy="425520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10800"/>
                  </a:moveTo>
                  <a:close/>
                </a:path>
              </a:pathLst>
            </a:custGeom>
            <a:blipFill>
              <a:blip r:embed="rId4">
                <a:alphaModFix/>
              </a:blip>
              <a:stretch>
                <a:fillRect/>
              </a:stretch>
            </a:blip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</p:sp>
        <p:sp>
          <p:nvSpPr>
            <p:cNvPr id="9" name="Google Shape;377;p53">
              <a:extLst>
                <a:ext uri="{FF2B5EF4-FFF2-40B4-BE49-F238E27FC236}">
                  <a16:creationId xmlns:a16="http://schemas.microsoft.com/office/drawing/2014/main" id="{DF7E093F-430E-418F-ADFC-0F13C122B7C8}"/>
                </a:ext>
              </a:extLst>
            </p:cNvPr>
            <p:cNvSpPr/>
            <p:nvPr/>
          </p:nvSpPr>
          <p:spPr>
            <a:xfrm>
              <a:off x="3948480" y="1279800"/>
              <a:ext cx="4227317" cy="290710"/>
            </a:xfrm>
            <a:custGeom>
              <a:avLst/>
              <a:gdLst/>
              <a:ahLst/>
              <a:cxnLst/>
              <a:rect l="l" t="t" r="r" b="b"/>
              <a:pathLst>
                <a:path w="4227317" h="290710" extrusionOk="0">
                  <a:moveTo>
                    <a:pt x="0" y="0"/>
                  </a:moveTo>
                  <a:lnTo>
                    <a:pt x="4227317" y="0"/>
                  </a:lnTo>
                  <a:lnTo>
                    <a:pt x="4227317" y="290710"/>
                  </a:lnTo>
                  <a:lnTo>
                    <a:pt x="0" y="290710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33100" tIns="16550" rIns="33100" bIns="16550" anchor="ctr" anchorCtr="0">
              <a:noAutofit/>
            </a:bodyPr>
            <a:lstStyle/>
            <a:p>
              <a:pPr marL="0" marR="0" lvl="0" indent="0" algn="l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300">
                  <a:solidFill>
                    <a:srgbClr val="100F19"/>
                  </a:solidFill>
                </a:rPr>
                <a:t>(+) </a:t>
              </a:r>
              <a:r>
                <a:rPr lang="en-US" sz="1300" b="0" i="0" u="none" strike="noStrike" cap="none">
                  <a:solidFill>
                    <a:srgbClr val="100F19"/>
                  </a:solidFill>
                  <a:latin typeface="Arial"/>
                  <a:ea typeface="Arial"/>
                  <a:cs typeface="Arial"/>
                  <a:sym typeface="Arial"/>
                </a:rPr>
                <a:t>Overcoming some</a:t>
              </a:r>
              <a:r>
                <a:rPr lang="en-US" sz="1300">
                  <a:solidFill>
                    <a:srgbClr val="100F19"/>
                  </a:solidFill>
                </a:rPr>
                <a:t> </a:t>
              </a:r>
              <a:r>
                <a:rPr lang="en-US" sz="1300" b="0" i="0" u="none" strike="noStrike" cap="none">
                  <a:solidFill>
                    <a:srgbClr val="100F19"/>
                  </a:solidFill>
                  <a:latin typeface="Arial"/>
                  <a:ea typeface="Arial"/>
                  <a:cs typeface="Arial"/>
                  <a:sym typeface="Arial"/>
                </a:rPr>
                <a:t>real data usage restrictions</a:t>
              </a:r>
              <a:endParaRPr sz="1300" b="0" i="0" u="none" strike="noStrike" cap="none"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" name="Google Shape;378;p53">
              <a:extLst>
                <a:ext uri="{FF2B5EF4-FFF2-40B4-BE49-F238E27FC236}">
                  <a16:creationId xmlns:a16="http://schemas.microsoft.com/office/drawing/2014/main" id="{699E5A16-109B-45DC-8D2A-3CFE06B0A1CB}"/>
                </a:ext>
              </a:extLst>
            </p:cNvPr>
            <p:cNvSpPr/>
            <p:nvPr/>
          </p:nvSpPr>
          <p:spPr>
            <a:xfrm>
              <a:off x="3492720" y="1682640"/>
              <a:ext cx="425520" cy="425520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10800"/>
                  </a:moveTo>
                  <a:close/>
                </a:path>
              </a:pathLst>
            </a:custGeom>
            <a:blipFill>
              <a:blip r:embed="rId5">
                <a:alphaModFix/>
              </a:blip>
              <a:stretch>
                <a:fillRect/>
              </a:stretch>
            </a:blip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</p:sp>
        <p:sp>
          <p:nvSpPr>
            <p:cNvPr id="11" name="Google Shape;379;p53">
              <a:extLst>
                <a:ext uri="{FF2B5EF4-FFF2-40B4-BE49-F238E27FC236}">
                  <a16:creationId xmlns:a16="http://schemas.microsoft.com/office/drawing/2014/main" id="{7952F134-24D0-4DA4-B528-1C411B964B1E}"/>
                </a:ext>
              </a:extLst>
            </p:cNvPr>
            <p:cNvSpPr/>
            <p:nvPr/>
          </p:nvSpPr>
          <p:spPr>
            <a:xfrm>
              <a:off x="3956040" y="1757880"/>
              <a:ext cx="4227317" cy="290710"/>
            </a:xfrm>
            <a:custGeom>
              <a:avLst/>
              <a:gdLst/>
              <a:ahLst/>
              <a:cxnLst/>
              <a:rect l="l" t="t" r="r" b="b"/>
              <a:pathLst>
                <a:path w="4227317" h="290710" extrusionOk="0">
                  <a:moveTo>
                    <a:pt x="0" y="0"/>
                  </a:moveTo>
                  <a:lnTo>
                    <a:pt x="4227317" y="0"/>
                  </a:lnTo>
                  <a:lnTo>
                    <a:pt x="4227317" y="290710"/>
                  </a:lnTo>
                  <a:lnTo>
                    <a:pt x="0" y="290710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33100" tIns="16550" rIns="33100" bIns="16550" anchor="ctr" anchorCtr="0">
              <a:noAutofit/>
            </a:bodyPr>
            <a:lstStyle/>
            <a:p>
              <a:pPr marL="0" marR="0" lvl="0" indent="0" algn="l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300" dirty="0">
                  <a:solidFill>
                    <a:srgbClr val="100F19"/>
                  </a:solidFill>
                </a:rPr>
                <a:t>(+) </a:t>
              </a:r>
              <a:r>
                <a:rPr lang="en-US" sz="1300" b="0" i="0" u="none" strike="noStrike" cap="none" dirty="0">
                  <a:solidFill>
                    <a:srgbClr val="100F19"/>
                  </a:solidFill>
                  <a:latin typeface="Arial"/>
                  <a:ea typeface="Arial"/>
                  <a:cs typeface="Arial"/>
                  <a:sym typeface="Arial"/>
                </a:rPr>
                <a:t>Creating data to simulate not yet encountered</a:t>
              </a:r>
            </a:p>
            <a:p>
              <a:pPr marL="0" marR="0" lvl="0" indent="0" algn="l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300" dirty="0">
                  <a:solidFill>
                    <a:srgbClr val="100F19"/>
                  </a:solidFill>
                </a:rPr>
                <a:t>      </a:t>
              </a:r>
              <a:r>
                <a:rPr lang="en-US" sz="1300" b="0" i="0" u="none" strike="noStrike" cap="none" dirty="0">
                  <a:solidFill>
                    <a:srgbClr val="100F19"/>
                  </a:solidFill>
                  <a:latin typeface="Arial"/>
                  <a:ea typeface="Arial"/>
                  <a:cs typeface="Arial"/>
                  <a:sym typeface="Arial"/>
                </a:rPr>
                <a:t>conditions</a:t>
              </a:r>
              <a:endParaRPr sz="1300" b="0" i="0" u="none" strike="noStrike" cap="none" dirty="0"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2" name="Google Shape;380;p53">
              <a:extLst>
                <a:ext uri="{FF2B5EF4-FFF2-40B4-BE49-F238E27FC236}">
                  <a16:creationId xmlns:a16="http://schemas.microsoft.com/office/drawing/2014/main" id="{6EA6D8BC-5FF6-4258-A94E-743BEF18327B}"/>
                </a:ext>
              </a:extLst>
            </p:cNvPr>
            <p:cNvSpPr/>
            <p:nvPr/>
          </p:nvSpPr>
          <p:spPr>
            <a:xfrm>
              <a:off x="3492720" y="2160720"/>
              <a:ext cx="425520" cy="425520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10800"/>
                  </a:moveTo>
                  <a:close/>
                </a:path>
              </a:pathLst>
            </a:custGeom>
            <a:blipFill>
              <a:blip r:embed="rId6">
                <a:alphaModFix/>
              </a:blip>
              <a:stretch>
                <a:fillRect/>
              </a:stretch>
            </a:blip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</p:sp>
        <p:sp>
          <p:nvSpPr>
            <p:cNvPr id="13" name="Google Shape;381;p53">
              <a:extLst>
                <a:ext uri="{FF2B5EF4-FFF2-40B4-BE49-F238E27FC236}">
                  <a16:creationId xmlns:a16="http://schemas.microsoft.com/office/drawing/2014/main" id="{6493AE0C-2D47-4B84-AC18-6EB57F7197DD}"/>
                </a:ext>
              </a:extLst>
            </p:cNvPr>
            <p:cNvSpPr/>
            <p:nvPr/>
          </p:nvSpPr>
          <p:spPr>
            <a:xfrm>
              <a:off x="3948480" y="2223360"/>
              <a:ext cx="4227317" cy="290710"/>
            </a:xfrm>
            <a:custGeom>
              <a:avLst/>
              <a:gdLst/>
              <a:ahLst/>
              <a:cxnLst/>
              <a:rect l="l" t="t" r="r" b="b"/>
              <a:pathLst>
                <a:path w="4227317" h="290710" extrusionOk="0">
                  <a:moveTo>
                    <a:pt x="0" y="0"/>
                  </a:moveTo>
                  <a:lnTo>
                    <a:pt x="4227317" y="0"/>
                  </a:lnTo>
                  <a:lnTo>
                    <a:pt x="4227317" y="290710"/>
                  </a:lnTo>
                  <a:lnTo>
                    <a:pt x="0" y="290710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33100" tIns="16550" rIns="33100" bIns="16550" anchor="ctr" anchorCtr="0">
              <a:noAutofit/>
            </a:bodyPr>
            <a:lstStyle/>
            <a:p>
              <a:pPr marL="0" marR="0" lvl="0" indent="0" algn="l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300" dirty="0">
                  <a:solidFill>
                    <a:srgbClr val="100F19"/>
                  </a:solidFill>
                </a:rPr>
                <a:t>(+) Good preserving distributions and proportions</a:t>
              </a:r>
              <a:endParaRPr sz="1300" b="0" i="0" u="none" strike="noStrike" cap="none" dirty="0"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4" name="Google Shape;382;p53">
              <a:extLst>
                <a:ext uri="{FF2B5EF4-FFF2-40B4-BE49-F238E27FC236}">
                  <a16:creationId xmlns:a16="http://schemas.microsoft.com/office/drawing/2014/main" id="{086F1D90-E371-4DAC-932C-A6C1FA60F728}"/>
                </a:ext>
              </a:extLst>
            </p:cNvPr>
            <p:cNvSpPr/>
            <p:nvPr/>
          </p:nvSpPr>
          <p:spPr>
            <a:xfrm>
              <a:off x="3492720" y="2638800"/>
              <a:ext cx="425520" cy="425520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10800"/>
                  </a:moveTo>
                  <a:close/>
                </a:path>
              </a:pathLst>
            </a:custGeom>
            <a:blipFill>
              <a:blip r:embed="rId7">
                <a:alphaModFix/>
              </a:blip>
              <a:stretch>
                <a:fillRect/>
              </a:stretch>
            </a:blip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</p:sp>
        <p:sp>
          <p:nvSpPr>
            <p:cNvPr id="15" name="Google Shape;383;p53">
              <a:extLst>
                <a:ext uri="{FF2B5EF4-FFF2-40B4-BE49-F238E27FC236}">
                  <a16:creationId xmlns:a16="http://schemas.microsoft.com/office/drawing/2014/main" id="{8D7EAF03-0282-4037-AC20-E2C2C0259B83}"/>
                </a:ext>
              </a:extLst>
            </p:cNvPr>
            <p:cNvSpPr/>
            <p:nvPr/>
          </p:nvSpPr>
          <p:spPr>
            <a:xfrm>
              <a:off x="3492720" y="3116520"/>
              <a:ext cx="425520" cy="425520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10800"/>
                  </a:moveTo>
                  <a:close/>
                </a:path>
              </a:pathLst>
            </a:custGeom>
            <a:blipFill>
              <a:blip r:embed="rId8">
                <a:alphaModFix/>
              </a:blip>
              <a:stretch>
                <a:fillRect/>
              </a:stretch>
            </a:blip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</p:sp>
        <p:sp>
          <p:nvSpPr>
            <p:cNvPr id="16" name="Google Shape;384;p53">
              <a:extLst>
                <a:ext uri="{FF2B5EF4-FFF2-40B4-BE49-F238E27FC236}">
                  <a16:creationId xmlns:a16="http://schemas.microsoft.com/office/drawing/2014/main" id="{B17248D5-3CDD-4584-B807-BF8321EE1B36}"/>
                </a:ext>
              </a:extLst>
            </p:cNvPr>
            <p:cNvSpPr/>
            <p:nvPr/>
          </p:nvSpPr>
          <p:spPr>
            <a:xfrm>
              <a:off x="3956040" y="3198960"/>
              <a:ext cx="4227317" cy="290710"/>
            </a:xfrm>
            <a:custGeom>
              <a:avLst/>
              <a:gdLst/>
              <a:ahLst/>
              <a:cxnLst/>
              <a:rect l="l" t="t" r="r" b="b"/>
              <a:pathLst>
                <a:path w="4227317" h="290710" extrusionOk="0">
                  <a:moveTo>
                    <a:pt x="0" y="0"/>
                  </a:moveTo>
                  <a:lnTo>
                    <a:pt x="4227317" y="0"/>
                  </a:lnTo>
                  <a:lnTo>
                    <a:pt x="4227317" y="290710"/>
                  </a:lnTo>
                  <a:lnTo>
                    <a:pt x="0" y="290710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noFill/>
            </a:ln>
          </p:spPr>
          <p:txBody>
            <a:bodyPr spcFirstLastPara="1" wrap="square" lIns="33100" tIns="16550" rIns="33100" bIns="16550" anchor="ctr" anchorCtr="0">
              <a:noAutofit/>
            </a:bodyPr>
            <a:lstStyle/>
            <a:p>
              <a:pPr marL="0" marR="0" lvl="0" indent="0" algn="l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300" dirty="0">
                  <a:solidFill>
                    <a:schemeClr val="dk1"/>
                  </a:solidFill>
                </a:rPr>
                <a:t>(-) Bad preserving correlations and mutual information</a:t>
              </a:r>
              <a:endParaRPr sz="1300" i="0" u="none" strike="noStrike" cap="none" dirty="0">
                <a:solidFill>
                  <a:schemeClr val="dk1"/>
                </a:solidFill>
              </a:endParaRPr>
            </a:p>
          </p:txBody>
        </p:sp>
        <p:sp>
          <p:nvSpPr>
            <p:cNvPr id="17" name="Google Shape;385;p53">
              <a:extLst>
                <a:ext uri="{FF2B5EF4-FFF2-40B4-BE49-F238E27FC236}">
                  <a16:creationId xmlns:a16="http://schemas.microsoft.com/office/drawing/2014/main" id="{C4B2E9A6-5A50-4430-B3B3-44269FD20DB5}"/>
                </a:ext>
              </a:extLst>
            </p:cNvPr>
            <p:cNvSpPr/>
            <p:nvPr/>
          </p:nvSpPr>
          <p:spPr>
            <a:xfrm>
              <a:off x="3492720" y="3594600"/>
              <a:ext cx="425520" cy="425520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10800"/>
                  </a:moveTo>
                  <a:close/>
                </a:path>
              </a:pathLst>
            </a:custGeom>
            <a:blipFill>
              <a:blip r:embed="rId9">
                <a:alphaModFix/>
              </a:blip>
              <a:stretch>
                <a:fillRect/>
              </a:stretch>
            </a:blip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</p:sp>
        <p:sp>
          <p:nvSpPr>
            <p:cNvPr id="18" name="Google Shape;386;p53">
              <a:extLst>
                <a:ext uri="{FF2B5EF4-FFF2-40B4-BE49-F238E27FC236}">
                  <a16:creationId xmlns:a16="http://schemas.microsoft.com/office/drawing/2014/main" id="{C915199A-4C23-4715-A2CF-A4E4606FDC85}"/>
                </a:ext>
              </a:extLst>
            </p:cNvPr>
            <p:cNvSpPr/>
            <p:nvPr/>
          </p:nvSpPr>
          <p:spPr>
            <a:xfrm>
              <a:off x="3492720" y="4072680"/>
              <a:ext cx="425520" cy="425520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10800"/>
                  </a:moveTo>
                  <a:close/>
                </a:path>
              </a:pathLst>
            </a:custGeom>
            <a:blipFill>
              <a:blip r:embed="rId10">
                <a:alphaModFix/>
              </a:blip>
              <a:stretch>
                <a:fillRect/>
              </a:stretch>
            </a:blip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</p:sp>
        <p:sp>
          <p:nvSpPr>
            <p:cNvPr id="19" name="Google Shape;387;p53">
              <a:extLst>
                <a:ext uri="{FF2B5EF4-FFF2-40B4-BE49-F238E27FC236}">
                  <a16:creationId xmlns:a16="http://schemas.microsoft.com/office/drawing/2014/main" id="{85DEB13E-098D-4FB3-A03C-1F0A9E47E13D}"/>
                </a:ext>
              </a:extLst>
            </p:cNvPr>
            <p:cNvSpPr/>
            <p:nvPr/>
          </p:nvSpPr>
          <p:spPr>
            <a:xfrm>
              <a:off x="1017000" y="898200"/>
              <a:ext cx="2688472" cy="3429363"/>
            </a:xfrm>
            <a:custGeom>
              <a:avLst/>
              <a:gdLst/>
              <a:ahLst/>
              <a:cxnLst/>
              <a:rect l="l" t="t" r="r" b="b"/>
              <a:pathLst>
                <a:path w="7470" h="9527" extrusionOk="0">
                  <a:moveTo>
                    <a:pt x="1244" y="0"/>
                  </a:moveTo>
                  <a:cubicBezTo>
                    <a:pt x="622" y="0"/>
                    <a:pt x="0" y="622"/>
                    <a:pt x="0" y="1244"/>
                  </a:cubicBezTo>
                  <a:lnTo>
                    <a:pt x="0" y="8282"/>
                  </a:lnTo>
                  <a:cubicBezTo>
                    <a:pt x="0" y="8904"/>
                    <a:pt x="622" y="9526"/>
                    <a:pt x="1244" y="9526"/>
                  </a:cubicBezTo>
                  <a:lnTo>
                    <a:pt x="6224" y="9526"/>
                  </a:lnTo>
                  <a:cubicBezTo>
                    <a:pt x="6846" y="9526"/>
                    <a:pt x="7469" y="8904"/>
                    <a:pt x="7469" y="8282"/>
                  </a:cubicBezTo>
                  <a:lnTo>
                    <a:pt x="7469" y="1244"/>
                  </a:lnTo>
                  <a:cubicBezTo>
                    <a:pt x="7469" y="622"/>
                    <a:pt x="6846" y="0"/>
                    <a:pt x="6224" y="0"/>
                  </a:cubicBezTo>
                  <a:lnTo>
                    <a:pt x="1244" y="0"/>
                  </a:lnTo>
                </a:path>
              </a:pathLst>
            </a:custGeom>
            <a:blipFill rotWithShape="1">
              <a:blip r:embed="rId11">
                <a:alphaModFix/>
              </a:blip>
              <a:stretch>
                <a:fillRect/>
              </a:stretch>
            </a:blip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50"/>
                </a:srgbClr>
              </a:outerShdw>
            </a:effectLst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20" name="Google Shape;388;p53">
              <a:extLst>
                <a:ext uri="{FF2B5EF4-FFF2-40B4-BE49-F238E27FC236}">
                  <a16:creationId xmlns:a16="http://schemas.microsoft.com/office/drawing/2014/main" id="{D0494831-D31E-486C-B12D-2E64CE070EFA}"/>
                </a:ext>
              </a:extLst>
            </p:cNvPr>
            <p:cNvSpPr/>
            <p:nvPr/>
          </p:nvSpPr>
          <p:spPr>
            <a:xfrm>
              <a:off x="1017000" y="2163924"/>
              <a:ext cx="2620667" cy="2057629"/>
            </a:xfrm>
            <a:custGeom>
              <a:avLst/>
              <a:gdLst/>
              <a:ahLst/>
              <a:cxnLst/>
              <a:rect l="l" t="t" r="r" b="b"/>
              <a:pathLst>
                <a:path w="2070249" h="2057629" extrusionOk="0">
                  <a:moveTo>
                    <a:pt x="0" y="0"/>
                  </a:moveTo>
                  <a:lnTo>
                    <a:pt x="2070249" y="0"/>
                  </a:lnTo>
                  <a:lnTo>
                    <a:pt x="2070249" y="2057629"/>
                  </a:lnTo>
                  <a:lnTo>
                    <a:pt x="0" y="2057629"/>
                  </a:lnTo>
                  <a:lnTo>
                    <a:pt x="0" y="0"/>
                  </a:lnTo>
                  <a:close/>
                </a:path>
              </a:pathLst>
            </a:custGeom>
            <a:noFill/>
            <a:ln>
              <a:noFill/>
            </a:ln>
            <a:effectLst>
              <a:outerShdw dist="20160" dir="5400000">
                <a:srgbClr val="000000">
                  <a:alpha val="37650"/>
                </a:srgbClr>
              </a:outerShdw>
            </a:effectLst>
          </p:spPr>
          <p:txBody>
            <a:bodyPr spcFirstLastPara="1" wrap="square" lIns="78825" tIns="78825" rIns="78825" bIns="78825" anchor="b" anchorCtr="0">
              <a:noAutofit/>
            </a:bodyPr>
            <a:lstStyle/>
            <a:p>
              <a:pPr marL="0" marR="0" lvl="0" indent="0" algn="l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3100" b="1" i="0" u="none" strike="noStrike" cap="none" dirty="0">
                  <a:solidFill>
                    <a:srgbClr val="F8F6F3"/>
                  </a:solidFill>
                  <a:latin typeface="Arial"/>
                  <a:ea typeface="Arial"/>
                  <a:cs typeface="Arial"/>
                  <a:sym typeface="Arial"/>
                </a:rPr>
                <a:t>SYNTHETIC DATA WITH</a:t>
              </a:r>
            </a:p>
            <a:p>
              <a:pPr marL="0" marR="0" lvl="0" indent="0" algn="l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endParaRPr lang="en-US" sz="3100" b="1" dirty="0">
                <a:solidFill>
                  <a:srgbClr val="F8F6F3"/>
                </a:solidFill>
              </a:endParaRPr>
            </a:p>
            <a:p>
              <a:pPr marL="0" marR="0" lvl="0" indent="0" algn="l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3100" b="1" i="0" u="none" strike="noStrike" cap="none" dirty="0">
                  <a:solidFill>
                    <a:srgbClr val="F8F6F3"/>
                  </a:solidFill>
                  <a:latin typeface="Arial"/>
                  <a:ea typeface="Arial"/>
                  <a:cs typeface="Arial"/>
                  <a:sym typeface="Arial"/>
                </a:rPr>
                <a:t>CTGAN</a:t>
              </a:r>
              <a:endParaRPr lang="en-US" sz="3100" b="1" i="0" u="none" strike="noStrike" cap="none" dirty="0"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21" name="Google Shape;372;p53">
            <a:extLst>
              <a:ext uri="{FF2B5EF4-FFF2-40B4-BE49-F238E27FC236}">
                <a16:creationId xmlns:a16="http://schemas.microsoft.com/office/drawing/2014/main" id="{43C951A5-01DD-4F2E-A2A0-908FC635E120}"/>
              </a:ext>
            </a:extLst>
          </p:cNvPr>
          <p:cNvSpPr/>
          <p:nvPr/>
        </p:nvSpPr>
        <p:spPr>
          <a:xfrm>
            <a:off x="3956215" y="2723585"/>
            <a:ext cx="4227317" cy="290710"/>
          </a:xfrm>
          <a:custGeom>
            <a:avLst/>
            <a:gdLst/>
            <a:ahLst/>
            <a:cxnLst/>
            <a:rect l="l" t="t" r="r" b="b"/>
            <a:pathLst>
              <a:path w="4227317" h="290710" extrusionOk="0">
                <a:moveTo>
                  <a:pt x="0" y="0"/>
                </a:moveTo>
                <a:lnTo>
                  <a:pt x="4227317" y="0"/>
                </a:lnTo>
                <a:lnTo>
                  <a:pt x="4227317" y="290710"/>
                </a:lnTo>
                <a:lnTo>
                  <a:pt x="0" y="290710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</p:spPr>
        <p:txBody>
          <a:bodyPr spcFirstLastPara="1" wrap="square" lIns="33100" tIns="16550" rIns="33100" bIns="16550" anchor="ctr" anchorCtr="0">
            <a:noAutofit/>
          </a:bodyPr>
          <a:lstStyle/>
          <a:p>
            <a:pPr marL="0" marR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300" dirty="0">
                <a:solidFill>
                  <a:schemeClr val="dk1"/>
                </a:solidFill>
              </a:rPr>
              <a:t>(-) Computing consuming generation</a:t>
            </a:r>
            <a:endParaRPr sz="1300" i="0" u="none" strike="noStrike" cap="none" dirty="0">
              <a:solidFill>
                <a:schemeClr val="dk1"/>
              </a:solidFill>
            </a:endParaRPr>
          </a:p>
        </p:txBody>
      </p:sp>
      <p:pic>
        <p:nvPicPr>
          <p:cNvPr id="22" name="Google Shape;327;p57">
            <a:extLst>
              <a:ext uri="{FF2B5EF4-FFF2-40B4-BE49-F238E27FC236}">
                <a16:creationId xmlns:a16="http://schemas.microsoft.com/office/drawing/2014/main" id="{9BEE6266-4A66-4112-9E69-C004CDBED586}"/>
              </a:ext>
            </a:extLst>
          </p:cNvPr>
          <p:cNvPicPr preferRelativeResize="0"/>
          <p:nvPr/>
        </p:nvPicPr>
        <p:blipFill rotWithShape="1">
          <a:blip r:embed="rId12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0" name="Google Shape;230;p43"/>
          <p:cNvSpPr txBox="1">
            <a:spLocks noGrp="1"/>
          </p:cNvSpPr>
          <p:nvPr>
            <p:ph type="title"/>
          </p:nvPr>
        </p:nvSpPr>
        <p:spPr>
          <a:xfrm>
            <a:off x="0" y="-13536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-US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ATASET FEATURES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4DC540A3-8C7F-4B49-990E-5666169CA39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35445017"/>
              </p:ext>
            </p:extLst>
          </p:nvPr>
        </p:nvGraphicFramePr>
        <p:xfrm>
          <a:off x="360000" y="512376"/>
          <a:ext cx="8618400" cy="3915960"/>
        </p:xfrm>
        <a:graphic>
          <a:graphicData uri="http://schemas.openxmlformats.org/drawingml/2006/table">
            <a:tbl>
              <a:tblPr firstRow="1">
                <a:tableStyleId>{7DF18680-E054-41AD-8BC1-D1AEF772440D}</a:tableStyleId>
              </a:tblPr>
              <a:tblGrid>
                <a:gridCol w="217763">
                  <a:extLst>
                    <a:ext uri="{9D8B030D-6E8A-4147-A177-3AD203B41FA5}">
                      <a16:colId xmlns:a16="http://schemas.microsoft.com/office/drawing/2014/main" val="4174775024"/>
                    </a:ext>
                  </a:extLst>
                </a:gridCol>
                <a:gridCol w="1503037">
                  <a:extLst>
                    <a:ext uri="{9D8B030D-6E8A-4147-A177-3AD203B41FA5}">
                      <a16:colId xmlns:a16="http://schemas.microsoft.com/office/drawing/2014/main" val="1749915583"/>
                    </a:ext>
                  </a:extLst>
                </a:gridCol>
                <a:gridCol w="2324571">
                  <a:extLst>
                    <a:ext uri="{9D8B030D-6E8A-4147-A177-3AD203B41FA5}">
                      <a16:colId xmlns:a16="http://schemas.microsoft.com/office/drawing/2014/main" val="3824222197"/>
                    </a:ext>
                  </a:extLst>
                </a:gridCol>
                <a:gridCol w="335020">
                  <a:extLst>
                    <a:ext uri="{9D8B030D-6E8A-4147-A177-3AD203B41FA5}">
                      <a16:colId xmlns:a16="http://schemas.microsoft.com/office/drawing/2014/main" val="3249930482"/>
                    </a:ext>
                  </a:extLst>
                </a:gridCol>
                <a:gridCol w="217763">
                  <a:extLst>
                    <a:ext uri="{9D8B030D-6E8A-4147-A177-3AD203B41FA5}">
                      <a16:colId xmlns:a16="http://schemas.microsoft.com/office/drawing/2014/main" val="3352905333"/>
                    </a:ext>
                  </a:extLst>
                </a:gridCol>
                <a:gridCol w="1691854">
                  <a:extLst>
                    <a:ext uri="{9D8B030D-6E8A-4147-A177-3AD203B41FA5}">
                      <a16:colId xmlns:a16="http://schemas.microsoft.com/office/drawing/2014/main" val="4115655323"/>
                    </a:ext>
                  </a:extLst>
                </a:gridCol>
                <a:gridCol w="2328392">
                  <a:extLst>
                    <a:ext uri="{9D8B030D-6E8A-4147-A177-3AD203B41FA5}">
                      <a16:colId xmlns:a16="http://schemas.microsoft.com/office/drawing/2014/main" val="1433666380"/>
                    </a:ext>
                  </a:extLst>
                </a:gridCol>
              </a:tblGrid>
              <a:tr h="105607">
                <a:tc gridSpan="3">
                  <a:txBody>
                    <a:bodyPr/>
                    <a:lstStyle/>
                    <a:p>
                      <a:pPr algn="ctr" fontAlgn="b"/>
                      <a:r>
                        <a:rPr lang="en-US" sz="1000" u="none" strike="noStrike" dirty="0">
                          <a:effectLst/>
                        </a:rPr>
                        <a:t>SYNTHETIC DATA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 dirty="0">
                          <a:effectLst/>
                        </a:rPr>
                        <a:t>REAL DATA FROM ARGENTINA</a:t>
                      </a:r>
                      <a:endParaRPr lang="en-US" sz="9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40662169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SN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FEATURE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DESCRIPTION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SN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FEATURE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DESCRIPTION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3909779691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Year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Year of the operation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rowSpan="3"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 rowSpan="3"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Officialization Date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 rowSpan="3"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argo declaration date 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754470425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2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Month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Month of the operation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37537257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3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Day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Day of the operation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19117558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4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Office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ustom office ID where the cargo is declared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2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ustoms Office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ustoms office of goods declared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3330034717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5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Importer.Tin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Importer ID; Importer registration number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3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 gridSpan="2">
                  <a:txBody>
                    <a:bodyPr/>
                    <a:lstStyle/>
                    <a:p>
                      <a:pPr algn="ctr" fontAlgn="b"/>
                      <a:r>
                        <a:rPr lang="en-US" sz="800" i="1" u="none" strike="noStrike" dirty="0">
                          <a:solidFill>
                            <a:srgbClr val="FF0000"/>
                          </a:solidFill>
                          <a:effectLst/>
                        </a:rPr>
                        <a:t>Not Available (Data Privacy)</a:t>
                      </a:r>
                      <a:endParaRPr lang="en-US" sz="800" b="1" i="1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30810634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6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Tariff.Code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HS classification of the goods imported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4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Tariff code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WCO Hs classification code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274229791"/>
                  </a:ext>
                </a:extLst>
              </a:tr>
              <a:tr h="9414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7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Origin.Code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2 digits Country code where goods originated.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5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ountry of Origin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ountry of origin where goods originated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3964297700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8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IF_USD_EQUIVALENT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IF value of the goods declared in USD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6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FOB Amount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FOB value of the goods declared in USD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796399013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9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Quantity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Quantity declared base on HS unit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7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Statistical Quantity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Quantity declared base on HS unit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706328475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0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GROSS.WEIGHT 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Gross weight of the declared item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8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Net Weight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Net weight in KGM of the goods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282209391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1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TOTAL.TAXES.USD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Taxes/Duties paid by the importer in USD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9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Taxes paid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Total taxes paid in USD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807481472"/>
                  </a:ext>
                </a:extLst>
              </a:tr>
              <a:tr h="142470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2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RAISED_TAX_AMOUNT_USD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Increase of revenues due to illicit detection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0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ID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Declaration + item number makes a unique ID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2585381410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3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illicit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Indicator whether the operation was fraud or not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R w="12700" cmpd="sng">
                      <a:noFill/>
                    </a:lnR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1</a:t>
                      </a:r>
                      <a:endParaRPr lang="en-US" sz="800" b="1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mpd="sng">
                      <a:noFill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Destination type/Regime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Destination and the regime of the cargo 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3659574275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2</a:t>
                      </a:r>
                      <a:endParaRPr lang="en-US" sz="800" b="1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Quantity of Packages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Number of packages for bulk cargo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2520395898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3</a:t>
                      </a:r>
                      <a:endParaRPr lang="en-US" sz="800" b="1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Means of Transport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Mode of transportation of the cargo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4023935150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4</a:t>
                      </a:r>
                      <a:endParaRPr lang="en-US" sz="800" b="1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Operational location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Location of the control inspection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28338267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5</a:t>
                      </a:r>
                      <a:endParaRPr lang="en-US" sz="800" b="1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Merchandise use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ondition of the cargo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372461116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6</a:t>
                      </a:r>
                      <a:endParaRPr lang="en-US" sz="800" b="1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ountry of Destination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Country of final destination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2301552307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7</a:t>
                      </a:r>
                      <a:endParaRPr lang="en-US" sz="800" b="1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Statistical unit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Statistical unit of the Quantity 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745646724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18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Tariff rate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Tax rate of the goods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2750882484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i="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  <a:latin typeface="Arial" panose="020B0604020202020204" pitchFamily="34" charset="0"/>
                        </a:rPr>
                        <a:t>19</a:t>
                      </a: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Activity starting date of IM/EX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Activity starting date of the company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939427194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20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Debt indicator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Financial status of the company</a:t>
                      </a:r>
                      <a:endParaRPr lang="en-US" sz="800" b="0" i="0" u="none" strike="noStrike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909376454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21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b="1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Activity starting of broker</a:t>
                      </a:r>
                      <a:endParaRPr lang="en-US" sz="800" b="1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Date of the broker registration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446824539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2</a:t>
                      </a:r>
                      <a:endParaRPr lang="en-US" sz="8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Legal procedure indicator</a:t>
                      </a:r>
                      <a:endParaRPr lang="en-US" sz="800" b="1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Appeal procedure by the importer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493831580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3</a:t>
                      </a:r>
                      <a:endParaRPr lang="en-US" sz="8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rgbClr val="FF0000"/>
                          </a:solidFill>
                          <a:effectLst/>
                        </a:rPr>
                        <a:t>Confiscation indicator</a:t>
                      </a:r>
                      <a:endParaRPr lang="en-US" sz="800" b="1" i="0" u="none" strike="noStrike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Indicates weather the goods are confiscated or not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676053452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4</a:t>
                      </a:r>
                      <a:endParaRPr lang="en-US" sz="8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rgbClr val="FF0000"/>
                          </a:solidFill>
                          <a:effectLst/>
                        </a:rPr>
                        <a:t>Inspector Code</a:t>
                      </a:r>
                      <a:endParaRPr lang="en-US" sz="800" b="1" i="0" u="none" strike="noStrike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Inspector identity code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3124410837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5</a:t>
                      </a:r>
                      <a:endParaRPr lang="en-US" sz="8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>
                          <a:solidFill>
                            <a:srgbClr val="FF0000"/>
                          </a:solidFill>
                          <a:effectLst/>
                        </a:rPr>
                        <a:t>Observations</a:t>
                      </a:r>
                      <a:endParaRPr lang="en-US" sz="800" b="1" i="0" u="none" strike="noStrike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Observation by the inspection officer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3074641417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6</a:t>
                      </a:r>
                      <a:endParaRPr lang="en-US" sz="8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Infraction code</a:t>
                      </a:r>
                      <a:endParaRPr lang="en-US" sz="800" b="1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Type of infraction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1096724632"/>
                  </a:ext>
                </a:extLst>
              </a:tr>
              <a:tr h="105607"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27</a:t>
                      </a:r>
                      <a:endParaRPr lang="en-US" sz="8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Penalty fee</a:t>
                      </a:r>
                      <a:endParaRPr lang="en-US" sz="800" b="1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800" u="none" strike="noStrike" dirty="0">
                          <a:solidFill>
                            <a:schemeClr val="bg2">
                              <a:lumMod val="50000"/>
                            </a:schemeClr>
                          </a:solidFill>
                          <a:effectLst/>
                        </a:rPr>
                        <a:t>Penalty fee for the illicit activity in USD</a:t>
                      </a:r>
                      <a:endParaRPr lang="en-US" sz="800" b="0" i="0" u="none" strike="noStrike" dirty="0">
                        <a:solidFill>
                          <a:schemeClr val="bg2">
                            <a:lumMod val="50000"/>
                          </a:schemeClr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2847" marR="2847" marT="2847" marB="0" anchor="ctr"/>
                </a:tc>
                <a:extLst>
                  <a:ext uri="{0D108BD9-81ED-4DB2-BD59-A6C34878D82A}">
                    <a16:rowId xmlns:a16="http://schemas.microsoft.com/office/drawing/2014/main" val="2463722662"/>
                  </a:ext>
                </a:extLst>
              </a:tr>
            </a:tbl>
          </a:graphicData>
        </a:graphic>
      </p:graphicFrame>
      <p:pic>
        <p:nvPicPr>
          <p:cNvPr id="11" name="Google Shape;327;p57">
            <a:extLst>
              <a:ext uri="{FF2B5EF4-FFF2-40B4-BE49-F238E27FC236}">
                <a16:creationId xmlns:a16="http://schemas.microsoft.com/office/drawing/2014/main" id="{A27BA462-7255-47DC-85EC-000CBA985C28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7" name="Google Shape;167;p34"/>
          <p:cNvSpPr txBox="1">
            <a:spLocks noGrp="1"/>
          </p:cNvSpPr>
          <p:nvPr>
            <p:ph type="title"/>
          </p:nvPr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METHODOLOGY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endParaRPr sz="2400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C1634183-D1B9-49FD-BCB2-816ACCE329A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287612308"/>
              </p:ext>
            </p:extLst>
          </p:nvPr>
        </p:nvGraphicFramePr>
        <p:xfrm>
          <a:off x="1133230" y="539750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8408A037-C27A-4F0A-915F-2C5CB85282D7}"/>
              </a:ext>
            </a:extLst>
          </p:cNvPr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7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>
            <a:extLst>
              <a:ext uri="{FF2B5EF4-FFF2-40B4-BE49-F238E27FC236}">
                <a16:creationId xmlns:a16="http://schemas.microsoft.com/office/drawing/2014/main" id="{A6C15D89-94A4-49F5-950D-A6D030473663}"/>
              </a:ext>
            </a:extLst>
          </p:cNvPr>
          <p:cNvSpPr/>
          <p:nvPr/>
        </p:nvSpPr>
        <p:spPr>
          <a:xfrm>
            <a:off x="1306946" y="2050473"/>
            <a:ext cx="548640" cy="581891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2962CBF0-A25F-4FF0-AB0B-7A4275E3F739}"/>
              </a:ext>
            </a:extLst>
          </p:cNvPr>
          <p:cNvSpPr/>
          <p:nvPr/>
        </p:nvSpPr>
        <p:spPr>
          <a:xfrm>
            <a:off x="4362332" y="2863274"/>
            <a:ext cx="274320" cy="27432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Google Shape;180;p36"/>
          <p:cNvSpPr txBox="1">
            <a:spLocks noGrp="1"/>
          </p:cNvSpPr>
          <p:nvPr>
            <p:ph type="title"/>
          </p:nvPr>
        </p:nvSpPr>
        <p:spPr>
          <a:xfrm>
            <a:off x="22535" y="-13178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MODEL </a:t>
            </a:r>
            <a:r>
              <a:rPr lang="en-US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PIPELINE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0B845F2F-87A6-478F-9866-E861FBA1463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8043" y="601403"/>
            <a:ext cx="7987914" cy="37620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98E3A1A4-3643-461F-AFE6-E4BE87BCF77D}"/>
              </a:ext>
            </a:extLst>
          </p:cNvPr>
          <p:cNvSpPr/>
          <p:nvPr/>
        </p:nvSpPr>
        <p:spPr>
          <a:xfrm>
            <a:off x="4130908" y="2807856"/>
            <a:ext cx="228600" cy="37869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" name="Connector: Elbow 9">
            <a:extLst>
              <a:ext uri="{FF2B5EF4-FFF2-40B4-BE49-F238E27FC236}">
                <a16:creationId xmlns:a16="http://schemas.microsoft.com/office/drawing/2014/main" id="{96E585AC-2B00-4667-A003-08E82291AD8D}"/>
              </a:ext>
            </a:extLst>
          </p:cNvPr>
          <p:cNvCxnSpPr>
            <a:cxnSpLocks/>
            <a:endCxn id="11" idx="0"/>
          </p:cNvCxnSpPr>
          <p:nvPr/>
        </p:nvCxnSpPr>
        <p:spPr>
          <a:xfrm>
            <a:off x="1855586" y="2373745"/>
            <a:ext cx="2643906" cy="489529"/>
          </a:xfrm>
          <a:prstGeom prst="bentConnector2">
            <a:avLst/>
          </a:prstGeom>
          <a:ln w="28575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Google Shape;327;p57">
            <a:extLst>
              <a:ext uri="{FF2B5EF4-FFF2-40B4-BE49-F238E27FC236}">
                <a16:creationId xmlns:a16="http://schemas.microsoft.com/office/drawing/2014/main" id="{43CF350D-BA42-4639-8C3F-F095C6A98E0E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0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8" name="Google Shape;408;p56"/>
          <p:cNvSpPr txBox="1"/>
          <p:nvPr/>
        </p:nvSpPr>
        <p:spPr>
          <a:xfrm>
            <a:off x="0" y="0"/>
            <a:ext cx="8520480" cy="5727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DATA WRANGLING</a:t>
            </a:r>
            <a:br>
              <a:rPr lang="en-US" sz="1800" b="0" i="0" u="none" strike="noStrike" cap="none"/>
            </a:b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10" name="Google Shape;410;p56"/>
          <p:cNvSpPr txBox="1"/>
          <p:nvPr/>
        </p:nvSpPr>
        <p:spPr>
          <a:xfrm>
            <a:off x="142920" y="488880"/>
            <a:ext cx="85206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285750" lvl="0" indent="-2857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en-US" sz="1600" b="1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Missing values</a:t>
            </a:r>
            <a:endParaRPr sz="1600" b="1" i="0" u="none" strike="noStrike" cap="none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684213" lvl="1" indent="-285750">
              <a:lnSpc>
                <a:spcPct val="115000"/>
              </a:lnSpc>
              <a:buClr>
                <a:schemeClr val="dk1"/>
              </a:buClr>
              <a:buSzPct val="100000"/>
              <a:buFont typeface="Inter" panose="020B0604020202020204" charset="0"/>
              <a:buChar char="-"/>
            </a:pPr>
            <a:r>
              <a:rPr lang="en-US" sz="1600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Columns and rows</a:t>
            </a:r>
          </a:p>
          <a:p>
            <a:pPr marL="285750" lvl="0" indent="-2857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 panose="020B0604020202020204" pitchFamily="34" charset="0"/>
              <a:buChar char="•"/>
            </a:pPr>
            <a:endParaRPr sz="1600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2857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-US" sz="1600" b="1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uplicates </a:t>
            </a:r>
            <a:endParaRPr sz="1600" b="1" i="0" u="none" strike="noStrike" cap="none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688975" lvl="0" indent="-2857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Inter" panose="020B0604020202020204" charset="0"/>
              <a:buChar char="-"/>
            </a:pPr>
            <a:r>
              <a:rPr lang="en-US" sz="1600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sym typeface="Inter"/>
              </a:rPr>
              <a:t>Hidden duplicates dropping categories</a:t>
            </a:r>
          </a:p>
          <a:p>
            <a:pPr marL="403225" lvl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</a:pPr>
            <a:endParaRPr sz="1600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sym typeface="Inter"/>
            </a:endParaRPr>
          </a:p>
          <a:p>
            <a:pPr marL="285750" lvl="0" indent="-2857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en-US" sz="1600" b="1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uplicate column</a:t>
            </a:r>
            <a:endParaRPr sz="1600" b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687388" lvl="0" indent="-3429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Inter" panose="020B0604020202020204" charset="0"/>
              <a:buChar char="-"/>
            </a:pPr>
            <a:r>
              <a:rPr lang="en-US" sz="1600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Item </a:t>
            </a:r>
            <a:r>
              <a:rPr lang="en-US" sz="160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FOB amount</a:t>
            </a:r>
            <a:endParaRPr sz="1600" i="0" u="none" strike="noStrike" cap="none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687388" lvl="0" indent="-3429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Inter" panose="020B0604020202020204" charset="0"/>
              <a:buChar char="-"/>
            </a:pPr>
            <a:r>
              <a:rPr lang="en-US" sz="1600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For selection total taxes and tax rate</a:t>
            </a:r>
          </a:p>
          <a:p>
            <a:pPr marL="687388" lvl="0" indent="-3429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Inter" panose="020B0604020202020204" charset="0"/>
              <a:buChar char="-"/>
            </a:pPr>
            <a:endParaRPr sz="1600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2857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-US" sz="1600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Simple v</a:t>
            </a:r>
            <a:r>
              <a:rPr lang="en-US" sz="1600" b="1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ariable selection</a:t>
            </a:r>
            <a:endParaRPr sz="1600" b="1" i="0" u="none" strike="noStrike" cap="none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687388" lvl="0" indent="-3429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Inter" panose="020B0604020202020204" charset="0"/>
              <a:buChar char="-"/>
            </a:pPr>
            <a:r>
              <a:rPr lang="en-US" sz="1600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Import variables only</a:t>
            </a:r>
            <a:endParaRPr sz="1600" i="0" u="none" strike="noStrike" cap="none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687388" lvl="0" indent="-3429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Inter" panose="020B0604020202020204" charset="0"/>
              <a:buChar char="-"/>
            </a:pPr>
            <a:r>
              <a:rPr lang="en-US" sz="160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Variance</a:t>
            </a:r>
            <a:endParaRPr sz="1600" i="0" u="none" strike="noStrike" cap="none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743200" marR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4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411" name="Google Shape;411;p56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4403220" y="684828"/>
            <a:ext cx="4273009" cy="320443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57DC0213-C6CA-4556-8D0C-C886DB3EB477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6" name="Google Shape;416;p57"/>
          <p:cNvSpPr txBox="1"/>
          <p:nvPr/>
        </p:nvSpPr>
        <p:spPr>
          <a:xfrm>
            <a:off x="0" y="7560"/>
            <a:ext cx="8520480" cy="5727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EXPLORATORY DATA ANALYSIS (EDA)</a:t>
            </a:r>
            <a:endParaRPr sz="2400" b="0" i="0" u="none" strike="noStrike" cap="none" dirty="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18" name="Google Shape;418;p57"/>
          <p:cNvSpPr txBox="1"/>
          <p:nvPr/>
        </p:nvSpPr>
        <p:spPr>
          <a:xfrm>
            <a:off x="311760" y="580320"/>
            <a:ext cx="8265240" cy="42933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285750" lvl="0" indent="-28575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Target analysis and definition</a:t>
            </a: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569913" lvl="0" indent="-166688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 panose="020B0604020202020204" pitchFamily="34" charset="0"/>
              <a:buChar char="-"/>
              <a:tabLst>
                <a:tab pos="796925" algn="l"/>
              </a:tabLst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Infraction type code</a:t>
            </a:r>
          </a:p>
          <a:p>
            <a:pPr marL="569913" lvl="0" indent="-166688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 panose="020B0604020202020204" pitchFamily="34" charset="0"/>
              <a:buChar char="-"/>
              <a:tabLst>
                <a:tab pos="796925" algn="l"/>
              </a:tabLst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Revenue increase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lvl="0" indent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285750" lvl="0" indent="-28575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Univariable analysis </a:t>
            </a: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569913" lvl="0" indent="-166688" algn="l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 panose="020B0604020202020204" pitchFamily="34" charset="0"/>
              <a:buChar char="-"/>
              <a:tabLst>
                <a:tab pos="796925" algn="l"/>
              </a:tabLst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Categories proportions and unique value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569913" lvl="0" indent="-166688" algn="l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 panose="020B0604020202020204" pitchFamily="34" charset="0"/>
              <a:buChar char="-"/>
              <a:tabLst>
                <a:tab pos="796925" algn="l"/>
              </a:tabLst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Numerical distribution and frequencie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569913" lvl="0" indent="-166688" algn="l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-"/>
              <a:tabLst>
                <a:tab pos="796925" algn="l"/>
              </a:tabLst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Outliers detection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855663" lvl="1" indent="-109538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Log transformation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855663" lvl="1" indent="-109538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0.2% of tax rate dropped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569913" lvl="0" indent="-166688" algn="l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-"/>
              <a:tabLst>
                <a:tab pos="796925" algn="l"/>
              </a:tabLst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Missing values imputation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746125" lvl="0" algn="l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Shadow column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569913" lvl="0" indent="-166688" algn="l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-"/>
              <a:tabLst>
                <a:tab pos="796925" algn="l"/>
              </a:tabLst>
            </a:pP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NaN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with meaning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lvl="0" indent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419" name="Google Shape;419;p57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4407408" y="713232"/>
            <a:ext cx="4270248" cy="32004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691559F2-BC68-4920-B6EF-70810FFB299E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4" name="Google Shape;424;p58"/>
          <p:cNvSpPr txBox="1"/>
          <p:nvPr/>
        </p:nvSpPr>
        <p:spPr>
          <a:xfrm>
            <a:off x="0" y="756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E</a:t>
            </a: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DA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425" name="Google Shape;425;p58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1406226" y="7550"/>
            <a:ext cx="6192737" cy="514350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" name="Google Shape;430;p59"/>
          <p:cNvSpPr txBox="1"/>
          <p:nvPr/>
        </p:nvSpPr>
        <p:spPr>
          <a:xfrm>
            <a:off x="0" y="756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E</a:t>
            </a: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DA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431" name="Google Shape;431;p59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1408176" y="9144"/>
            <a:ext cx="6190488" cy="51435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6" name="Google Shape;436;p60"/>
          <p:cNvSpPr txBox="1"/>
          <p:nvPr/>
        </p:nvSpPr>
        <p:spPr>
          <a:xfrm>
            <a:off x="0" y="756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r>
              <a:rPr lang="en-US" sz="2400" b="1" dirty="0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EXPLORATORY DATA ANALYSIS (EDA)</a:t>
            </a:r>
            <a:endParaRPr lang="en-US" sz="2400" dirty="0"/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 dirty="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38" name="Google Shape;438;p60"/>
          <p:cNvSpPr txBox="1"/>
          <p:nvPr/>
        </p:nvSpPr>
        <p:spPr>
          <a:xfrm>
            <a:off x="311760" y="580320"/>
            <a:ext cx="8265300" cy="4293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285750" lvl="0" indent="-28575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Multivariable analysis</a:t>
            </a: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512763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-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	Chi-square contingency for categorie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512763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-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	Pair plot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512763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-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	Correlation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512763" lvl="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-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	Dates and target</a:t>
            </a:r>
            <a:endParaRPr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</p:txBody>
      </p:sp>
      <p:pic>
        <p:nvPicPr>
          <p:cNvPr id="439" name="Google Shape;439;p60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4572000" y="580260"/>
            <a:ext cx="3948600" cy="3212094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792561E1-DB9E-41AA-AC40-8E35A92CB6BB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52827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4" name="Google Shape;444;p61"/>
          <p:cNvSpPr txBox="1"/>
          <p:nvPr/>
        </p:nvSpPr>
        <p:spPr>
          <a:xfrm>
            <a:off x="0" y="756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E</a:t>
            </a: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DA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445" name="Google Shape;445;p61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1408176" y="9144"/>
            <a:ext cx="6190488" cy="514350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0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26"/>
          <p:cNvSpPr txBox="1">
            <a:spLocks noGrp="1"/>
          </p:cNvSpPr>
          <p:nvPr>
            <p:ph type="title"/>
          </p:nvPr>
        </p:nvSpPr>
        <p:spPr>
          <a:xfrm>
            <a:off x="0" y="-2011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OUTLINE OF PRESENTATION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11719704-EAFD-465B-9A44-6EA209E3A85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829442086"/>
              </p:ext>
            </p:extLst>
          </p:nvPr>
        </p:nvGraphicFramePr>
        <p:xfrm>
          <a:off x="-935008" y="527453"/>
          <a:ext cx="8835424" cy="42271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BA369F70-CCA2-4542-A8AD-69B03537F572}"/>
              </a:ext>
            </a:extLst>
          </p:cNvPr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56562897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2" name="Google Shape;252;p46"/>
          <p:cNvSpPr txBox="1">
            <a:spLocks noGrp="1"/>
          </p:cNvSpPr>
          <p:nvPr>
            <p:ph type="title"/>
          </p:nvPr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FEATURE ENGINEERING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E9D685A-4ADF-4E46-BC30-D5242C363D0A}"/>
              </a:ext>
            </a:extLst>
          </p:cNvPr>
          <p:cNvSpPr txBox="1"/>
          <p:nvPr/>
        </p:nvSpPr>
        <p:spPr>
          <a:xfrm>
            <a:off x="78154" y="547283"/>
            <a:ext cx="8932984" cy="6322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lvl="3" indent="-285750">
              <a:lnSpc>
                <a:spcPct val="114000"/>
              </a:lnSpc>
              <a:buSzPts val="2000"/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Creation of new features based on existing ones.</a:t>
            </a:r>
            <a:endParaRPr lang="en-US" sz="1100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3" indent="-285750">
              <a:lnSpc>
                <a:spcPct val="114000"/>
              </a:lnSpc>
              <a:buSzPts val="2000"/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Extracting statistical information from available variables</a:t>
            </a:r>
            <a:endParaRPr lang="en-US" sz="1100" dirty="0">
              <a:solidFill>
                <a:schemeClr val="bg2">
                  <a:lumMod val="50000"/>
                </a:schemeClr>
              </a:solidFill>
            </a:endParaRPr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23D4938C-19F0-42E4-8B3F-59647EC94A3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852946125"/>
              </p:ext>
            </p:extLst>
          </p:nvPr>
        </p:nvGraphicFramePr>
        <p:xfrm>
          <a:off x="132862" y="809675"/>
          <a:ext cx="8699437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BD993396-4E9C-457E-AC30-C1B3E24C6E3B}"/>
              </a:ext>
            </a:extLst>
          </p:cNvPr>
          <p:cNvSpPr txBox="1"/>
          <p:nvPr/>
        </p:nvSpPr>
        <p:spPr>
          <a:xfrm>
            <a:off x="5550568" y="2253916"/>
            <a:ext cx="1459832" cy="17812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55563" lvl="0" indent="-55563">
              <a:buFont typeface="Arial" panose="020B0604020202020204" pitchFamily="34" charset="0"/>
              <a:buChar char="•"/>
            </a:pPr>
            <a:r>
              <a:rPr lang="en-US" sz="700" dirty="0"/>
              <a:t>Using </a:t>
            </a:r>
            <a:r>
              <a:rPr lang="en-US" sz="700" u="sng" dirty="0"/>
              <a:t>unit price</a:t>
            </a:r>
            <a:r>
              <a:rPr lang="en-US" sz="700" dirty="0"/>
              <a:t>, </a:t>
            </a:r>
            <a:r>
              <a:rPr lang="en-US" sz="700" u="sng" dirty="0"/>
              <a:t>kg per unit</a:t>
            </a:r>
            <a:r>
              <a:rPr lang="en-US" sz="700" dirty="0"/>
              <a:t> and </a:t>
            </a:r>
            <a:r>
              <a:rPr lang="en-US" sz="700" u="sng" dirty="0"/>
              <a:t>tax rate</a:t>
            </a:r>
            <a:r>
              <a:rPr lang="en-US" sz="700" dirty="0"/>
              <a:t> variables</a:t>
            </a:r>
          </a:p>
          <a:p>
            <a:pPr marL="55563" lvl="1" indent="-55563">
              <a:spcAft>
                <a:spcPct val="15000"/>
              </a:spcAft>
              <a:buFont typeface="Arial" panose="020B0604020202020204" pitchFamily="34" charset="0"/>
              <a:buChar char="•"/>
            </a:pPr>
            <a:endParaRPr lang="en-US" sz="200" dirty="0"/>
          </a:p>
          <a:p>
            <a:pPr marL="55563" lvl="0" indent="-55563">
              <a:spcAft>
                <a:spcPct val="15000"/>
              </a:spcAft>
              <a:buFont typeface="Arial" panose="020B0604020202020204" pitchFamily="34" charset="0"/>
              <a:buChar char="•"/>
            </a:pPr>
            <a:r>
              <a:rPr lang="en-US" sz="700" dirty="0"/>
              <a:t>Creating the following features (from each variable):</a:t>
            </a:r>
            <a:endParaRPr lang="en-US" sz="700" i="1" dirty="0"/>
          </a:p>
          <a:p>
            <a:pPr marL="55563" lvl="2" indent="112713">
              <a:spcAft>
                <a:spcPct val="15000"/>
              </a:spcAft>
              <a:buFont typeface="+mj-lt"/>
              <a:buAutoNum type="arabicPeriod"/>
            </a:pPr>
            <a:r>
              <a:rPr lang="en-US" sz="700" i="1" dirty="0"/>
              <a:t>‘HS06 activity’, '</a:t>
            </a:r>
          </a:p>
          <a:p>
            <a:pPr marL="55563" lvl="2" indent="112713">
              <a:spcAft>
                <a:spcPct val="15000"/>
              </a:spcAft>
              <a:buFont typeface="+mj-lt"/>
              <a:buAutoNum type="arabicPeriod"/>
            </a:pPr>
            <a:r>
              <a:rPr lang="en-US" sz="700" i="1" dirty="0"/>
              <a:t>Diff against the mean’,</a:t>
            </a:r>
          </a:p>
          <a:p>
            <a:pPr marL="55563" lvl="2" indent="112713">
              <a:spcAft>
                <a:spcPct val="15000"/>
              </a:spcAft>
              <a:buFont typeface="+mj-lt"/>
              <a:buAutoNum type="arabicPeriod"/>
            </a:pPr>
            <a:r>
              <a:rPr lang="en-US" sz="700" i="1" dirty="0"/>
              <a:t>‘Diff against the median’, </a:t>
            </a:r>
          </a:p>
          <a:p>
            <a:pPr marL="55563" lvl="2" indent="112713">
              <a:spcAft>
                <a:spcPct val="15000"/>
              </a:spcAft>
              <a:buFont typeface="+mj-lt"/>
              <a:buAutoNum type="arabicPeriod"/>
            </a:pPr>
            <a:r>
              <a:rPr lang="en-US" sz="700" i="1" dirty="0"/>
              <a:t>'Under p10’, </a:t>
            </a:r>
          </a:p>
          <a:p>
            <a:pPr marL="55563" lvl="2" indent="112713">
              <a:spcAft>
                <a:spcPct val="15000"/>
              </a:spcAft>
              <a:buFont typeface="+mj-lt"/>
              <a:buAutoNum type="arabicPeriod"/>
            </a:pPr>
            <a:r>
              <a:rPr lang="en-US" sz="700" i="1" dirty="0"/>
              <a:t>'Over p90’, </a:t>
            </a:r>
          </a:p>
          <a:p>
            <a:pPr marL="55563" lvl="2" indent="112713">
              <a:spcAft>
                <a:spcPct val="15000"/>
              </a:spcAft>
              <a:buFont typeface="+mj-lt"/>
              <a:buAutoNum type="arabicPeriod"/>
            </a:pPr>
            <a:r>
              <a:rPr lang="en-US" sz="700" i="1" dirty="0"/>
              <a:t>'Over 3Q+1.5*IQR’,</a:t>
            </a:r>
          </a:p>
          <a:p>
            <a:pPr marL="55563" lvl="2" indent="112713">
              <a:spcAft>
                <a:spcPct val="15000"/>
              </a:spcAft>
              <a:buFont typeface="+mj-lt"/>
              <a:buAutoNum type="arabicPeriod"/>
            </a:pPr>
            <a:r>
              <a:rPr lang="en-US" sz="700" i="1" dirty="0"/>
              <a:t> 'Quartile range [0,1,2,3]’,</a:t>
            </a:r>
          </a:p>
          <a:p>
            <a:pPr marL="55563" lvl="2" indent="112713">
              <a:spcAft>
                <a:spcPct val="15000"/>
              </a:spcAft>
              <a:buFont typeface="+mj-lt"/>
              <a:buAutoNum type="arabicPeriod"/>
            </a:pPr>
            <a:r>
              <a:rPr lang="en-US" sz="700" i="1" dirty="0"/>
              <a:t>'Clusters’</a:t>
            </a:r>
            <a:endParaRPr lang="en-US" dirty="0"/>
          </a:p>
          <a:p>
            <a:endParaRPr lang="en-US" dirty="0"/>
          </a:p>
        </p:txBody>
      </p:sp>
      <p:pic>
        <p:nvPicPr>
          <p:cNvPr id="7" name="Google Shape;327;p57">
            <a:extLst>
              <a:ext uri="{FF2B5EF4-FFF2-40B4-BE49-F238E27FC236}">
                <a16:creationId xmlns:a16="http://schemas.microsoft.com/office/drawing/2014/main" id="{E5F51CFD-F536-4602-AB05-9750C1107DA4}"/>
              </a:ext>
            </a:extLst>
          </p:cNvPr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65425634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6" name="Google Shape;486;p65"/>
          <p:cNvSpPr txBox="1"/>
          <p:nvPr/>
        </p:nvSpPr>
        <p:spPr>
          <a:xfrm>
            <a:off x="0" y="-41881"/>
            <a:ext cx="8520480" cy="5727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RISK PROFILES</a:t>
            </a:r>
            <a:br>
              <a:rPr lang="en-US" sz="1800" b="0" i="0" u="none" strike="noStrike" cap="none"/>
            </a:b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88" name="Google Shape;488;p65"/>
          <p:cNvSpPr txBox="1"/>
          <p:nvPr/>
        </p:nvSpPr>
        <p:spPr>
          <a:xfrm>
            <a:off x="262800" y="572760"/>
            <a:ext cx="7994880" cy="374112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An additional 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split of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the dataset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to use codes with hundreds of unique values</a:t>
            </a:r>
            <a:endParaRPr b="1" i="0" u="none" strike="noStrike" cap="none" dirty="0">
              <a:solidFill>
                <a:schemeClr val="bg2">
                  <a:lumMod val="50000"/>
                </a:schemeClr>
              </a:solidFill>
            </a:endParaRPr>
          </a:p>
          <a:p>
            <a:pPr lvl="1"/>
            <a:b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</a:br>
            <a:r>
              <a:rPr lang="en-US" b="1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Historic data</a:t>
            </a:r>
            <a:endParaRPr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marR="0" lvl="0" indent="-2857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U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sed to apply </a:t>
            </a:r>
            <a:r>
              <a:rPr lang="en-US" b="1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target encoding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, </a:t>
            </a:r>
            <a:endParaRPr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285750" marR="0" lvl="0" indent="-2857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G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enerate risk profiling tables with illicit sum, illicit rate and simple quartiles cut of them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: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  <a:p>
            <a:pPr marL="914400" marR="0" lvl="0" indent="-2857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-"/>
            </a:pP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R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EGIME TYPE CODE 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'</a:t>
            </a:r>
            <a:r>
              <a:rPr lang="en-US" b="0" i="0" u="none" strike="noStrike" cap="none" dirty="0" err="1">
                <a:solidFill>
                  <a:schemeClr val="bg2">
                    <a:lumMod val="50000"/>
                  </a:schemeClr>
                </a:solidFill>
              </a:rPr>
              <a:t>Destinacion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 - DDT’</a:t>
            </a:r>
          </a:p>
          <a:p>
            <a:pPr marL="914400" marR="0" lvl="0" indent="-2857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-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CUSTOMS OFFICE 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'</a:t>
            </a:r>
            <a:r>
              <a:rPr lang="en-US" b="0" i="0" u="none" strike="noStrike" cap="none" dirty="0" err="1">
                <a:solidFill>
                  <a:schemeClr val="bg2">
                    <a:lumMod val="50000"/>
                  </a:schemeClr>
                </a:solidFill>
              </a:rPr>
              <a:t>Codigo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 Aduana de registro - DDT’</a:t>
            </a:r>
            <a:endParaRPr lang="en-US" dirty="0">
              <a:solidFill>
                <a:schemeClr val="bg2">
                  <a:lumMod val="50000"/>
                </a:schemeClr>
              </a:solidFill>
            </a:endParaRPr>
          </a:p>
          <a:p>
            <a:pPr marL="914400" marR="0" lvl="0" indent="-2857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-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ORIGIN COUNTRY 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'</a:t>
            </a:r>
            <a:r>
              <a:rPr lang="en-US" b="0" i="0" u="none" strike="noStrike" cap="none" dirty="0" err="1">
                <a:solidFill>
                  <a:schemeClr val="bg2">
                    <a:lumMod val="50000"/>
                  </a:schemeClr>
                </a:solidFill>
              </a:rPr>
              <a:t>Pais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 de </a:t>
            </a:r>
            <a:r>
              <a:rPr lang="en-US" b="0" i="0" u="none" strike="noStrike" cap="none" dirty="0" err="1">
                <a:solidFill>
                  <a:schemeClr val="bg2">
                    <a:lumMod val="50000"/>
                  </a:schemeClr>
                </a:solidFill>
              </a:rPr>
              <a:t>origen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 - ART’ </a:t>
            </a:r>
            <a:endParaRPr lang="en-US" dirty="0">
              <a:solidFill>
                <a:schemeClr val="bg2">
                  <a:lumMod val="50000"/>
                </a:schemeClr>
              </a:solidFill>
            </a:endParaRPr>
          </a:p>
          <a:p>
            <a:pPr marL="914400" marR="0" lvl="0" indent="-2857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-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DEPARTURE COUNTRY 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'</a:t>
            </a:r>
            <a:r>
              <a:rPr lang="en-US" b="0" i="0" u="none" strike="noStrike" cap="none" dirty="0" err="1">
                <a:solidFill>
                  <a:schemeClr val="bg2">
                    <a:lumMod val="50000"/>
                  </a:schemeClr>
                </a:solidFill>
              </a:rPr>
              <a:t>Pais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 de </a:t>
            </a:r>
            <a:r>
              <a:rPr lang="en-US" b="0" i="0" u="none" strike="noStrike" cap="none" dirty="0" err="1">
                <a:solidFill>
                  <a:schemeClr val="bg2">
                    <a:lumMod val="50000"/>
                  </a:schemeClr>
                </a:solidFill>
              </a:rPr>
              <a:t>Procedencia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</a:rPr>
              <a:t> - ART’</a:t>
            </a:r>
            <a:endParaRPr lang="en-US" dirty="0">
              <a:solidFill>
                <a:schemeClr val="bg2">
                  <a:lumMod val="50000"/>
                </a:schemeClr>
              </a:solidFill>
            </a:endParaRPr>
          </a:p>
          <a:p>
            <a:pPr marL="914400" marR="0" lvl="0" indent="-2857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-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And their combination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Note: </a:t>
            </a:r>
            <a:r>
              <a:rPr lang="en-US" b="1" i="1" dirty="0">
                <a:solidFill>
                  <a:schemeClr val="bg2">
                    <a:lumMod val="50000"/>
                  </a:schemeClr>
                </a:solidFill>
              </a:rPr>
              <a:t>‘IMPORTER ID’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not available for real data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4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600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860400" marR="0" lvl="2" indent="-34128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600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860400" marR="0" lvl="5" indent="8568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600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860400" marR="0" lvl="5" indent="8568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600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285840" marR="0" lvl="0" indent="-196919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0BA15B95-E0F4-4FCA-8297-8B22C5467D03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9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3" name="Google Shape;493;p66"/>
          <p:cNvSpPr txBox="1"/>
          <p:nvPr/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RISK PROFILES</a:t>
            </a:r>
            <a:br>
              <a:rPr lang="en-US" sz="1800" b="0" i="0" u="none" strike="noStrike" cap="none" dirty="0"/>
            </a:br>
            <a:endParaRPr sz="2400" b="0" i="0" u="none" strike="noStrike" cap="none" dirty="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95" name="Google Shape;495;p66"/>
          <p:cNvSpPr txBox="1"/>
          <p:nvPr/>
        </p:nvSpPr>
        <p:spPr>
          <a:xfrm>
            <a:off x="343800" y="640800"/>
            <a:ext cx="7995000" cy="374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New data</a:t>
            </a:r>
            <a:endParaRPr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marR="0" lvl="0" indent="-2857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J</a:t>
            </a: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oined with the risk profiles tables from historic data</a:t>
            </a:r>
            <a:endParaRPr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285750" marR="0" lvl="0" indent="-2857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Processed by inputting nulls generated by the join process</a:t>
            </a:r>
            <a:endParaRPr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Note: </a:t>
            </a:r>
            <a:r>
              <a:rPr lang="en-US" b="1" i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ata used for train, validation and test</a:t>
            </a:r>
            <a:r>
              <a:rPr lang="en-US" b="1" i="1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b="1" i="1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860399" marR="0" lvl="2" indent="-341279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600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860399" marR="0" lvl="5" indent="8568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600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860399" marR="0" lvl="5" indent="8568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600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285840" marR="0" lvl="0" indent="-196919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DA6B3A76-65B3-418E-BBDB-865F053E35CA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0" name="Google Shape;500;p67"/>
          <p:cNvSpPr txBox="1"/>
          <p:nvPr/>
        </p:nvSpPr>
        <p:spPr>
          <a:xfrm>
            <a:off x="0" y="4680"/>
            <a:ext cx="8520480" cy="5727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FEATURE SELECTION</a:t>
            </a:r>
            <a:br>
              <a:rPr lang="en-US" sz="1800" b="0" i="0" u="none" strike="noStrike" cap="none"/>
            </a:b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502" name="Google Shape;502;p67"/>
          <p:cNvGrpSpPr/>
          <p:nvPr/>
        </p:nvGrpSpPr>
        <p:grpSpPr>
          <a:xfrm>
            <a:off x="2552400" y="584640"/>
            <a:ext cx="4125960" cy="4125960"/>
            <a:chOff x="2553480" y="546840"/>
            <a:chExt cx="4125960" cy="4125960"/>
          </a:xfrm>
        </p:grpSpPr>
        <p:sp>
          <p:nvSpPr>
            <p:cNvPr id="503" name="Google Shape;503;p67"/>
            <p:cNvSpPr/>
            <p:nvPr/>
          </p:nvSpPr>
          <p:spPr>
            <a:xfrm>
              <a:off x="2553480" y="546840"/>
              <a:ext cx="4125960" cy="4125960"/>
            </a:xfrm>
            <a:custGeom>
              <a:avLst/>
              <a:gdLst/>
              <a:ahLst/>
              <a:cxnLst/>
              <a:rect l="l" t="t" r="r" b="b"/>
              <a:pathLst>
                <a:path w="21600" h="21600" extrusionOk="0">
                  <a:moveTo>
                    <a:pt x="0" y="10800"/>
                  </a:moveTo>
                  <a:lnTo>
                    <a:pt x="10800" y="0"/>
                  </a:lnTo>
                  <a:lnTo>
                    <a:pt x="21600" y="10800"/>
                  </a:lnTo>
                  <a:lnTo>
                    <a:pt x="10800" y="21600"/>
                  </a:lnTo>
                  <a:close/>
                </a:path>
              </a:pathLst>
            </a:custGeom>
            <a:solidFill>
              <a:srgbClr val="CBDDE1"/>
            </a:solidFill>
            <a:ln>
              <a:noFill/>
            </a:ln>
          </p:spPr>
        </p:sp>
        <p:sp>
          <p:nvSpPr>
            <p:cNvPr id="504" name="Google Shape;504;p67"/>
            <p:cNvSpPr/>
            <p:nvPr/>
          </p:nvSpPr>
          <p:spPr>
            <a:xfrm>
              <a:off x="2945520" y="969840"/>
              <a:ext cx="1609200" cy="1609200"/>
            </a:xfrm>
            <a:custGeom>
              <a:avLst/>
              <a:gdLst/>
              <a:ahLst/>
              <a:cxnLst/>
              <a:rect l="l" t="t" r="r" b="b"/>
              <a:pathLst>
                <a:path w="1609153" h="1609153" extrusionOk="0">
                  <a:moveTo>
                    <a:pt x="0" y="268198"/>
                  </a:moveTo>
                  <a:cubicBezTo>
                    <a:pt x="0" y="120076"/>
                    <a:pt x="120076" y="0"/>
                    <a:pt x="268198" y="0"/>
                  </a:cubicBezTo>
                  <a:lnTo>
                    <a:pt x="1340955" y="0"/>
                  </a:lnTo>
                  <a:cubicBezTo>
                    <a:pt x="1489077" y="0"/>
                    <a:pt x="1609153" y="120076"/>
                    <a:pt x="1609153" y="268198"/>
                  </a:cubicBezTo>
                  <a:lnTo>
                    <a:pt x="1609153" y="1340955"/>
                  </a:lnTo>
                  <a:cubicBezTo>
                    <a:pt x="1609153" y="1489077"/>
                    <a:pt x="1489077" y="1609153"/>
                    <a:pt x="1340955" y="1609153"/>
                  </a:cubicBezTo>
                  <a:lnTo>
                    <a:pt x="268198" y="1609153"/>
                  </a:lnTo>
                  <a:cubicBezTo>
                    <a:pt x="120076" y="1609153"/>
                    <a:pt x="0" y="1489077"/>
                    <a:pt x="0" y="1340955"/>
                  </a:cubicBezTo>
                  <a:lnTo>
                    <a:pt x="0" y="268198"/>
                  </a:lnTo>
                  <a:close/>
                </a:path>
              </a:pathLst>
            </a:custGeom>
            <a:solidFill>
              <a:srgbClr val="F8F6F3"/>
            </a:solid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  <p:txBody>
            <a:bodyPr spcFirstLastPara="1" wrap="square" lIns="131750" tIns="131750" rIns="131750" bIns="131750" anchor="ctr" anchorCtr="1">
              <a:noAutofit/>
            </a:bodyPr>
            <a:lstStyle/>
            <a:p>
              <a:pPr marL="0" marR="0" lvl="0" indent="0" algn="ctr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b="1" dirty="0">
                  <a:solidFill>
                    <a:schemeClr val="bg2">
                      <a:lumMod val="50000"/>
                    </a:schemeClr>
                  </a:solidFill>
                  <a:latin typeface="Inter"/>
                  <a:ea typeface="Inter"/>
                  <a:cs typeface="Inter"/>
                  <a:sym typeface="Inter"/>
                </a:rPr>
                <a:t>1° </a:t>
              </a:r>
              <a:r>
                <a:rPr lang="en-US" sz="1400" b="1" i="0" u="none" strike="noStrike" cap="none" dirty="0">
                  <a:solidFill>
                    <a:schemeClr val="bg2">
                      <a:lumMod val="50000"/>
                    </a:schemeClr>
                  </a:solidFill>
                  <a:latin typeface="Inter"/>
                  <a:ea typeface="Inter"/>
                  <a:cs typeface="Inter"/>
                  <a:sym typeface="Inter"/>
                </a:rPr>
                <a:t>Variance Threshold</a:t>
              </a:r>
              <a:endParaRPr sz="1400" b="0" i="0" u="none" strike="noStrike" cap="none" dirty="0">
                <a:solidFill>
                  <a:schemeClr val="bg2">
                    <a:lumMod val="50000"/>
                  </a:schemeClr>
                </a:solidFill>
                <a:sym typeface="Arial"/>
              </a:endParaRPr>
            </a:p>
          </p:txBody>
        </p:sp>
        <p:sp>
          <p:nvSpPr>
            <p:cNvPr id="505" name="Google Shape;505;p67"/>
            <p:cNvSpPr/>
            <p:nvPr/>
          </p:nvSpPr>
          <p:spPr>
            <a:xfrm>
              <a:off x="4678200" y="969840"/>
              <a:ext cx="1609200" cy="1609200"/>
            </a:xfrm>
            <a:custGeom>
              <a:avLst/>
              <a:gdLst/>
              <a:ahLst/>
              <a:cxnLst/>
              <a:rect l="l" t="t" r="r" b="b"/>
              <a:pathLst>
                <a:path w="1609153" h="1609153" extrusionOk="0">
                  <a:moveTo>
                    <a:pt x="0" y="268198"/>
                  </a:moveTo>
                  <a:cubicBezTo>
                    <a:pt x="0" y="120076"/>
                    <a:pt x="120076" y="0"/>
                    <a:pt x="268198" y="0"/>
                  </a:cubicBezTo>
                  <a:lnTo>
                    <a:pt x="1340955" y="0"/>
                  </a:lnTo>
                  <a:cubicBezTo>
                    <a:pt x="1489077" y="0"/>
                    <a:pt x="1609153" y="120076"/>
                    <a:pt x="1609153" y="268198"/>
                  </a:cubicBezTo>
                  <a:lnTo>
                    <a:pt x="1609153" y="1340955"/>
                  </a:lnTo>
                  <a:cubicBezTo>
                    <a:pt x="1609153" y="1489077"/>
                    <a:pt x="1489077" y="1609153"/>
                    <a:pt x="1340955" y="1609153"/>
                  </a:cubicBezTo>
                  <a:lnTo>
                    <a:pt x="268198" y="1609153"/>
                  </a:lnTo>
                  <a:cubicBezTo>
                    <a:pt x="120076" y="1609153"/>
                    <a:pt x="0" y="1489077"/>
                    <a:pt x="0" y="1340955"/>
                  </a:cubicBezTo>
                  <a:lnTo>
                    <a:pt x="0" y="268198"/>
                  </a:lnTo>
                  <a:close/>
                </a:path>
              </a:pathLst>
            </a:custGeom>
            <a:solidFill>
              <a:srgbClr val="F8F6F3"/>
            </a:solid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  <p:txBody>
            <a:bodyPr spcFirstLastPara="1" wrap="square" lIns="131750" tIns="131750" rIns="131750" bIns="131750" anchor="ctr" anchorCtr="1">
              <a:noAutofit/>
            </a:bodyPr>
            <a:lstStyle/>
            <a:p>
              <a:pPr marL="0" marR="0" lvl="0" indent="0" algn="ctr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b="1">
                  <a:solidFill>
                    <a:schemeClr val="bg2">
                      <a:lumMod val="50000"/>
                    </a:schemeClr>
                  </a:solidFill>
                  <a:latin typeface="Inter"/>
                  <a:ea typeface="Inter"/>
                  <a:cs typeface="Inter"/>
                  <a:sym typeface="Inter"/>
                </a:rPr>
                <a:t>2° </a:t>
              </a:r>
              <a:r>
                <a:rPr lang="en-US" sz="1400" b="1" i="0" u="none" strike="noStrike" cap="none">
                  <a:solidFill>
                    <a:schemeClr val="bg2">
                      <a:lumMod val="50000"/>
                    </a:schemeClr>
                  </a:solidFill>
                  <a:latin typeface="Inter"/>
                  <a:ea typeface="Inter"/>
                  <a:cs typeface="Inter"/>
                  <a:sym typeface="Inter"/>
                </a:rPr>
                <a:t>Mutual Information (MI)</a:t>
              </a:r>
              <a:endParaRPr sz="1400" b="0" i="0" u="none" strike="noStrike" cap="none">
                <a:solidFill>
                  <a:schemeClr val="bg2">
                    <a:lumMod val="50000"/>
                  </a:schemeClr>
                </a:solidFill>
                <a:sym typeface="Arial"/>
              </a:endParaRPr>
            </a:p>
          </p:txBody>
        </p:sp>
        <p:sp>
          <p:nvSpPr>
            <p:cNvPr id="506" name="Google Shape;506;p67"/>
            <p:cNvSpPr/>
            <p:nvPr/>
          </p:nvSpPr>
          <p:spPr>
            <a:xfrm>
              <a:off x="2945520" y="2671920"/>
              <a:ext cx="1609200" cy="1609200"/>
            </a:xfrm>
            <a:custGeom>
              <a:avLst/>
              <a:gdLst/>
              <a:ahLst/>
              <a:cxnLst/>
              <a:rect l="l" t="t" r="r" b="b"/>
              <a:pathLst>
                <a:path w="1609153" h="1609153" extrusionOk="0">
                  <a:moveTo>
                    <a:pt x="0" y="268198"/>
                  </a:moveTo>
                  <a:cubicBezTo>
                    <a:pt x="0" y="120076"/>
                    <a:pt x="120076" y="0"/>
                    <a:pt x="268198" y="0"/>
                  </a:cubicBezTo>
                  <a:lnTo>
                    <a:pt x="1340955" y="0"/>
                  </a:lnTo>
                  <a:cubicBezTo>
                    <a:pt x="1489077" y="0"/>
                    <a:pt x="1609153" y="120076"/>
                    <a:pt x="1609153" y="268198"/>
                  </a:cubicBezTo>
                  <a:lnTo>
                    <a:pt x="1609153" y="1340955"/>
                  </a:lnTo>
                  <a:cubicBezTo>
                    <a:pt x="1609153" y="1489077"/>
                    <a:pt x="1489077" y="1609153"/>
                    <a:pt x="1340955" y="1609153"/>
                  </a:cubicBezTo>
                  <a:lnTo>
                    <a:pt x="268198" y="1609153"/>
                  </a:lnTo>
                  <a:cubicBezTo>
                    <a:pt x="120076" y="1609153"/>
                    <a:pt x="0" y="1489077"/>
                    <a:pt x="0" y="1340955"/>
                  </a:cubicBezTo>
                  <a:lnTo>
                    <a:pt x="0" y="268198"/>
                  </a:lnTo>
                  <a:close/>
                </a:path>
              </a:pathLst>
            </a:custGeom>
            <a:solidFill>
              <a:srgbClr val="F8F6F3"/>
            </a:solid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  <p:txBody>
            <a:bodyPr spcFirstLastPara="1" wrap="square" lIns="131750" tIns="131750" rIns="131750" bIns="131750" anchor="ctr" anchorCtr="1">
              <a:noAutofit/>
            </a:bodyPr>
            <a:lstStyle/>
            <a:p>
              <a:pPr marL="0" marR="0" lvl="0" indent="0" algn="ctr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b="1">
                  <a:solidFill>
                    <a:schemeClr val="bg2">
                      <a:lumMod val="50000"/>
                    </a:schemeClr>
                  </a:solidFill>
                  <a:latin typeface="Inter"/>
                  <a:ea typeface="Inter"/>
                  <a:cs typeface="Inter"/>
                  <a:sym typeface="Inter"/>
                </a:rPr>
                <a:t>3° </a:t>
              </a:r>
              <a:r>
                <a:rPr lang="en-US" sz="1400" b="1" i="0" u="none" strike="noStrike" cap="none">
                  <a:solidFill>
                    <a:schemeClr val="bg2">
                      <a:lumMod val="50000"/>
                    </a:schemeClr>
                  </a:solidFill>
                  <a:latin typeface="Inter"/>
                  <a:ea typeface="Inter"/>
                  <a:cs typeface="Inter"/>
                  <a:sym typeface="Inter"/>
                </a:rPr>
                <a:t>Random Forest (RF) feature importance</a:t>
              </a:r>
              <a:endParaRPr sz="1400" b="0" i="0" u="none" strike="noStrike" cap="none">
                <a:solidFill>
                  <a:schemeClr val="bg2">
                    <a:lumMod val="50000"/>
                  </a:schemeClr>
                </a:solidFill>
                <a:sym typeface="Arial"/>
              </a:endParaRPr>
            </a:p>
          </p:txBody>
        </p:sp>
        <p:sp>
          <p:nvSpPr>
            <p:cNvPr id="507" name="Google Shape;507;p67"/>
            <p:cNvSpPr/>
            <p:nvPr/>
          </p:nvSpPr>
          <p:spPr>
            <a:xfrm>
              <a:off x="4678200" y="2671920"/>
              <a:ext cx="1609200" cy="1609200"/>
            </a:xfrm>
            <a:custGeom>
              <a:avLst/>
              <a:gdLst/>
              <a:ahLst/>
              <a:cxnLst/>
              <a:rect l="l" t="t" r="r" b="b"/>
              <a:pathLst>
                <a:path w="1609153" h="1609153" extrusionOk="0">
                  <a:moveTo>
                    <a:pt x="0" y="268198"/>
                  </a:moveTo>
                  <a:cubicBezTo>
                    <a:pt x="0" y="120076"/>
                    <a:pt x="120076" y="0"/>
                    <a:pt x="268198" y="0"/>
                  </a:cubicBezTo>
                  <a:lnTo>
                    <a:pt x="1340955" y="0"/>
                  </a:lnTo>
                  <a:cubicBezTo>
                    <a:pt x="1489077" y="0"/>
                    <a:pt x="1609153" y="120076"/>
                    <a:pt x="1609153" y="268198"/>
                  </a:cubicBezTo>
                  <a:lnTo>
                    <a:pt x="1609153" y="1340955"/>
                  </a:lnTo>
                  <a:cubicBezTo>
                    <a:pt x="1609153" y="1489077"/>
                    <a:pt x="1489077" y="1609153"/>
                    <a:pt x="1340955" y="1609153"/>
                  </a:cubicBezTo>
                  <a:lnTo>
                    <a:pt x="268198" y="1609153"/>
                  </a:lnTo>
                  <a:cubicBezTo>
                    <a:pt x="120076" y="1609153"/>
                    <a:pt x="0" y="1489077"/>
                    <a:pt x="0" y="1340955"/>
                  </a:cubicBezTo>
                  <a:lnTo>
                    <a:pt x="0" y="268198"/>
                  </a:lnTo>
                  <a:close/>
                </a:path>
              </a:pathLst>
            </a:custGeom>
            <a:solidFill>
              <a:srgbClr val="F8F6F3"/>
            </a:solidFill>
            <a:ln w="38150" cap="flat" cmpd="sng">
              <a:solidFill>
                <a:srgbClr val="008897"/>
              </a:solidFill>
              <a:prstDash val="solid"/>
              <a:round/>
              <a:headEnd type="none" w="sm" len="sm"/>
              <a:tailEnd type="none" w="sm" len="sm"/>
            </a:ln>
            <a:effectLst>
              <a:outerShdw dist="20160" dir="5400000">
                <a:srgbClr val="000000">
                  <a:alpha val="37647"/>
                </a:srgbClr>
              </a:outerShdw>
            </a:effectLst>
          </p:spPr>
          <p:txBody>
            <a:bodyPr spcFirstLastPara="1" wrap="square" lIns="131750" tIns="131750" rIns="131750" bIns="131750" anchor="ctr" anchorCtr="1">
              <a:noAutofit/>
            </a:bodyPr>
            <a:lstStyle/>
            <a:p>
              <a:pPr marL="0" marR="0" lvl="0" indent="0" algn="ctr" rtl="0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b="1" dirty="0">
                  <a:solidFill>
                    <a:schemeClr val="bg2">
                      <a:lumMod val="50000"/>
                    </a:schemeClr>
                  </a:solidFill>
                </a:rPr>
                <a:t>4° </a:t>
              </a:r>
              <a:r>
                <a:rPr lang="en-US" sz="1400" b="1" i="0" u="none" strike="noStrike" cap="none" dirty="0">
                  <a:solidFill>
                    <a:schemeClr val="bg2">
                      <a:lumMod val="50000"/>
                    </a:schemeClr>
                  </a:solidFill>
                  <a:latin typeface="Arial"/>
                  <a:ea typeface="Arial"/>
                  <a:cs typeface="Arial"/>
                  <a:sym typeface="Arial"/>
                </a:rPr>
                <a:t>Correlation </a:t>
              </a:r>
              <a:r>
                <a:rPr lang="en-US" b="1" dirty="0">
                  <a:solidFill>
                    <a:schemeClr val="bg2">
                      <a:lumMod val="50000"/>
                    </a:schemeClr>
                  </a:solidFill>
                </a:rPr>
                <a:t>Coefficient</a:t>
              </a:r>
              <a:endParaRPr sz="1400" b="1" i="0" u="none" strike="noStrike" cap="none" dirty="0">
                <a:solidFill>
                  <a:schemeClr val="bg2">
                    <a:lumMod val="50000"/>
                  </a:schemeClr>
                </a:solidFill>
              </a:endParaRPr>
            </a:p>
          </p:txBody>
        </p:sp>
      </p:grpSp>
      <p:sp>
        <p:nvSpPr>
          <p:cNvPr id="508" name="Google Shape;508;p67"/>
          <p:cNvSpPr/>
          <p:nvPr/>
        </p:nvSpPr>
        <p:spPr>
          <a:xfrm>
            <a:off x="175680" y="1081080"/>
            <a:ext cx="2622960" cy="1292040"/>
          </a:xfrm>
          <a:custGeom>
            <a:avLst/>
            <a:gdLst/>
            <a:ahLst/>
            <a:cxnLst/>
            <a:rect l="l" t="t" r="r" b="b"/>
            <a:pathLst>
              <a:path w="43844" h="21600" extrusionOk="0">
                <a:moveTo>
                  <a:pt x="0" y="0"/>
                </a:moveTo>
                <a:lnTo>
                  <a:pt x="33044" y="0"/>
                </a:lnTo>
                <a:lnTo>
                  <a:pt x="43844" y="10800"/>
                </a:lnTo>
                <a:lnTo>
                  <a:pt x="33044" y="21600"/>
                </a:lnTo>
                <a:lnTo>
                  <a:pt x="0" y="21600"/>
                </a:lnTo>
                <a:close/>
              </a:path>
            </a:pathLst>
          </a:custGeom>
          <a:noFill/>
          <a:ln w="38150" cap="flat" cmpd="sng">
            <a:solidFill>
              <a:srgbClr val="00717D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b="0" i="0" u="none" strike="noStrike" cap="none" dirty="0">
                <a:solidFill>
                  <a:schemeClr val="bg2">
                    <a:lumMod val="50000"/>
                  </a:schemeClr>
                </a:solidFill>
                <a:latin typeface="+mn-lt"/>
                <a:ea typeface="Inter"/>
                <a:cs typeface="Inter"/>
                <a:sym typeface="Inter"/>
              </a:rPr>
              <a:t>Simple </a:t>
            </a: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  <a:ea typeface="Inter"/>
                <a:cs typeface="Inter"/>
                <a:sym typeface="Inter"/>
              </a:rPr>
              <a:t>evaluation of the variance</a:t>
            </a:r>
            <a:r>
              <a:rPr lang="en-US" sz="1050" b="0" i="0" u="none" strike="noStrike" cap="none" dirty="0">
                <a:solidFill>
                  <a:schemeClr val="bg2">
                    <a:lumMod val="50000"/>
                  </a:schemeClr>
                </a:solidFill>
                <a:latin typeface="+mn-lt"/>
                <a:ea typeface="Inter"/>
                <a:cs typeface="Inter"/>
                <a:sym typeface="Inter"/>
              </a:rPr>
              <a:t> </a:t>
            </a:r>
            <a:endParaRPr sz="1050" b="0" i="0" u="none" strike="noStrike" cap="none" dirty="0">
              <a:solidFill>
                <a:schemeClr val="bg2">
                  <a:lumMod val="50000"/>
                </a:schemeClr>
              </a:solidFill>
              <a:latin typeface="+mn-lt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050" dirty="0">
              <a:solidFill>
                <a:schemeClr val="bg2">
                  <a:lumMod val="50000"/>
                </a:schemeClr>
              </a:solidFill>
              <a:latin typeface="+mn-lt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b="0" i="0" u="none" strike="noStrike" cap="none" dirty="0">
                <a:solidFill>
                  <a:schemeClr val="bg2">
                    <a:lumMod val="50000"/>
                  </a:schemeClr>
                </a:solidFill>
                <a:latin typeface="+mn-lt"/>
                <a:ea typeface="Inter"/>
                <a:cs typeface="Inter"/>
                <a:sym typeface="Inter"/>
              </a:rPr>
              <a:t>Removes features with </a:t>
            </a: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  <a:ea typeface="Inter"/>
                <a:cs typeface="Inter"/>
                <a:sym typeface="Inter"/>
              </a:rPr>
              <a:t>0</a:t>
            </a:r>
            <a:r>
              <a:rPr lang="en-US" sz="1050" b="0" i="0" u="none" strike="noStrike" cap="none" dirty="0">
                <a:solidFill>
                  <a:schemeClr val="bg2">
                    <a:lumMod val="50000"/>
                  </a:schemeClr>
                </a:solidFill>
                <a:latin typeface="+mn-lt"/>
                <a:ea typeface="Inter"/>
                <a:cs typeface="Inter"/>
                <a:sym typeface="Inter"/>
              </a:rPr>
              <a:t> variance</a:t>
            </a:r>
            <a:endParaRPr sz="1050" b="0" i="0" u="none" strike="noStrike" cap="none" dirty="0">
              <a:solidFill>
                <a:schemeClr val="bg2">
                  <a:lumMod val="50000"/>
                </a:schemeClr>
              </a:solidFill>
              <a:latin typeface="+mn-lt"/>
              <a:sym typeface="Arial"/>
            </a:endParaRPr>
          </a:p>
        </p:txBody>
      </p:sp>
      <p:sp>
        <p:nvSpPr>
          <p:cNvPr id="509" name="Google Shape;509;p67"/>
          <p:cNvSpPr/>
          <p:nvPr/>
        </p:nvSpPr>
        <p:spPr>
          <a:xfrm>
            <a:off x="175680" y="2846160"/>
            <a:ext cx="2622960" cy="1292040"/>
          </a:xfrm>
          <a:custGeom>
            <a:avLst/>
            <a:gdLst/>
            <a:ahLst/>
            <a:cxnLst/>
            <a:rect l="l" t="t" r="r" b="b"/>
            <a:pathLst>
              <a:path w="43844" h="21600" extrusionOk="0">
                <a:moveTo>
                  <a:pt x="0" y="0"/>
                </a:moveTo>
                <a:lnTo>
                  <a:pt x="33044" y="0"/>
                </a:lnTo>
                <a:lnTo>
                  <a:pt x="43844" y="10800"/>
                </a:lnTo>
                <a:lnTo>
                  <a:pt x="33044" y="21600"/>
                </a:lnTo>
                <a:lnTo>
                  <a:pt x="0" y="21600"/>
                </a:lnTo>
                <a:close/>
              </a:path>
            </a:pathLst>
          </a:custGeom>
          <a:noFill/>
          <a:ln w="38150" cap="flat" cmpd="sng">
            <a:solidFill>
              <a:srgbClr val="00717D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</a:rPr>
              <a:t>Tree-based bagging algorithm</a:t>
            </a: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</a:rPr>
              <a:t>(+) Capture complex relationships</a:t>
            </a: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</a:rPr>
              <a:t>(+) Tends to handle noisy data  well</a:t>
            </a: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</a:rPr>
              <a:t>(-) Biased against correlated variables</a:t>
            </a: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</p:txBody>
      </p:sp>
      <p:sp>
        <p:nvSpPr>
          <p:cNvPr id="510" name="Google Shape;510;p67"/>
          <p:cNvSpPr/>
          <p:nvPr/>
        </p:nvSpPr>
        <p:spPr>
          <a:xfrm rot="10800000">
            <a:off x="6432120" y="946080"/>
            <a:ext cx="2622960" cy="1292040"/>
          </a:xfrm>
          <a:custGeom>
            <a:avLst/>
            <a:gdLst/>
            <a:ahLst/>
            <a:cxnLst/>
            <a:rect l="l" t="t" r="r" b="b"/>
            <a:pathLst>
              <a:path w="43844" h="21600" extrusionOk="0">
                <a:moveTo>
                  <a:pt x="0" y="0"/>
                </a:moveTo>
                <a:lnTo>
                  <a:pt x="33044" y="0"/>
                </a:lnTo>
                <a:lnTo>
                  <a:pt x="43844" y="10800"/>
                </a:lnTo>
                <a:lnTo>
                  <a:pt x="33044" y="21600"/>
                </a:lnTo>
                <a:lnTo>
                  <a:pt x="0" y="21600"/>
                </a:lnTo>
                <a:close/>
              </a:path>
            </a:pathLst>
          </a:custGeom>
          <a:noFill/>
          <a:ln w="38150" cap="flat" cmpd="sng">
            <a:solidFill>
              <a:srgbClr val="00717D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511" name="Google Shape;511;p67"/>
          <p:cNvSpPr/>
          <p:nvPr/>
        </p:nvSpPr>
        <p:spPr>
          <a:xfrm rot="10800000">
            <a:off x="6432120" y="2835360"/>
            <a:ext cx="2622960" cy="1292040"/>
          </a:xfrm>
          <a:custGeom>
            <a:avLst/>
            <a:gdLst/>
            <a:ahLst/>
            <a:cxnLst/>
            <a:rect l="l" t="t" r="r" b="b"/>
            <a:pathLst>
              <a:path w="43844" h="21600" extrusionOk="0">
                <a:moveTo>
                  <a:pt x="0" y="0"/>
                </a:moveTo>
                <a:lnTo>
                  <a:pt x="33044" y="0"/>
                </a:lnTo>
                <a:lnTo>
                  <a:pt x="43844" y="10800"/>
                </a:lnTo>
                <a:lnTo>
                  <a:pt x="33044" y="21600"/>
                </a:lnTo>
                <a:lnTo>
                  <a:pt x="0" y="21600"/>
                </a:lnTo>
                <a:close/>
              </a:path>
            </a:pathLst>
          </a:custGeom>
          <a:noFill/>
          <a:ln w="38150" cap="flat" cmpd="sng">
            <a:solidFill>
              <a:srgbClr val="00717D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512" name="Google Shape;512;p67"/>
          <p:cNvSpPr txBox="1"/>
          <p:nvPr/>
        </p:nvSpPr>
        <p:spPr>
          <a:xfrm>
            <a:off x="6892560" y="959040"/>
            <a:ext cx="2340360" cy="169272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050" dirty="0">
              <a:solidFill>
                <a:schemeClr val="bg2">
                  <a:lumMod val="50000"/>
                </a:schemeClr>
              </a:solidFill>
              <a:latin typeface="+mn-lt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b="0" i="0" u="none" strike="noStrike" cap="none" dirty="0">
                <a:solidFill>
                  <a:schemeClr val="bg2">
                    <a:lumMod val="50000"/>
                  </a:schemeClr>
                </a:solidFill>
                <a:latin typeface="+mn-lt"/>
                <a:ea typeface="Inter"/>
                <a:cs typeface="Inter"/>
                <a:sym typeface="Inter"/>
              </a:rPr>
              <a:t>Assess </a:t>
            </a: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  <a:ea typeface="Inter"/>
                <a:cs typeface="Inter"/>
                <a:sym typeface="Inter"/>
              </a:rPr>
              <a:t>dependency</a:t>
            </a:r>
            <a:r>
              <a:rPr lang="en-US" sz="1050" b="0" i="0" u="none" strike="noStrike" cap="none" dirty="0">
                <a:solidFill>
                  <a:schemeClr val="bg2">
                    <a:lumMod val="50000"/>
                  </a:schemeClr>
                </a:solidFill>
                <a:latin typeface="+mn-lt"/>
                <a:ea typeface="Inter"/>
                <a:cs typeface="Inter"/>
                <a:sym typeface="Inter"/>
              </a:rPr>
              <a:t> between feature and target variable </a:t>
            </a:r>
            <a:endParaRPr sz="1050" b="0" i="0" u="none" strike="noStrike" cap="none" dirty="0">
              <a:solidFill>
                <a:schemeClr val="bg2">
                  <a:lumMod val="50000"/>
                </a:schemeClr>
              </a:solidFill>
              <a:latin typeface="+mn-lt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</a:rPr>
              <a:t>(+) Continuous and discrete data</a:t>
            </a: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</a:rPr>
              <a:t>(-) Might be sensitive to noise</a:t>
            </a:r>
            <a:endParaRPr sz="1050" b="0" i="0" u="none" strike="noStrike" cap="none" dirty="0">
              <a:solidFill>
                <a:schemeClr val="bg2">
                  <a:lumMod val="50000"/>
                </a:schemeClr>
              </a:solidFill>
              <a:latin typeface="+mn-lt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050" b="0" i="0" u="none" strike="noStrike" cap="none" dirty="0">
              <a:solidFill>
                <a:schemeClr val="bg2">
                  <a:lumMod val="50000"/>
                </a:schemeClr>
              </a:solidFill>
              <a:latin typeface="+mn-lt"/>
              <a:ea typeface="Arial"/>
              <a:cs typeface="Arial"/>
              <a:sym typeface="Arial"/>
            </a:endParaRPr>
          </a:p>
        </p:txBody>
      </p:sp>
      <p:sp>
        <p:nvSpPr>
          <p:cNvPr id="513" name="Google Shape;513;p67"/>
          <p:cNvSpPr txBox="1"/>
          <p:nvPr/>
        </p:nvSpPr>
        <p:spPr>
          <a:xfrm>
            <a:off x="6992280" y="2887560"/>
            <a:ext cx="1975680" cy="131004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</a:rPr>
              <a:t>A. Used to group correlated variables</a:t>
            </a: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050" dirty="0">
                <a:solidFill>
                  <a:schemeClr val="bg2">
                    <a:lumMod val="50000"/>
                  </a:schemeClr>
                </a:solidFill>
                <a:latin typeface="+mn-lt"/>
              </a:rPr>
              <a:t>B. Each group was manually analyzed aiming to select the more relevant feature</a:t>
            </a:r>
            <a:endParaRPr sz="105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</p:txBody>
      </p:sp>
      <p:pic>
        <p:nvPicPr>
          <p:cNvPr id="16" name="Google Shape;327;p57">
            <a:extLst>
              <a:ext uri="{FF2B5EF4-FFF2-40B4-BE49-F238E27FC236}">
                <a16:creationId xmlns:a16="http://schemas.microsoft.com/office/drawing/2014/main" id="{5656F177-50BE-4E3C-BE66-BB89F39A1C4D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45012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5" name="Google Shape;355;p51"/>
          <p:cNvSpPr txBox="1"/>
          <p:nvPr/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S PRE-SELEC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57" name="Google Shape;357;p51"/>
          <p:cNvSpPr txBox="1"/>
          <p:nvPr/>
        </p:nvSpPr>
        <p:spPr>
          <a:xfrm>
            <a:off x="142920" y="488880"/>
            <a:ext cx="85206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4572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Logistic Regression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Linear weighted combination</a:t>
            </a:r>
            <a:r>
              <a:rPr lang="en-US" sz="140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of variables</a:t>
            </a:r>
            <a:endParaRPr sz="1400" i="0" u="none" strike="noStrike" cap="none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Sigmoid function as activation function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Assume independence among features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+) Low computation-cost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+) Simple and explainable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--) Limited to capture patterns among features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i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Used as a base model</a:t>
            </a:r>
            <a:endParaRPr b="1" i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743200" marR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4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358" name="Google Shape;358;p51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5502263" y="572700"/>
            <a:ext cx="3329975" cy="103572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59" name="Google Shape;359;p51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4250800" y="1895738"/>
            <a:ext cx="4624875" cy="21679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Google Shape;327;p57">
            <a:extLst>
              <a:ext uri="{FF2B5EF4-FFF2-40B4-BE49-F238E27FC236}">
                <a16:creationId xmlns:a16="http://schemas.microsoft.com/office/drawing/2014/main" id="{7A5733D6-5098-4620-ABE5-1BBD3700A75C}"/>
              </a:ext>
            </a:extLst>
          </p:cNvPr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6431858" y="4752827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6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4" name="Google Shape;364;p52"/>
          <p:cNvSpPr txBox="1"/>
          <p:nvPr/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S PRE-SELEC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66" name="Google Shape;366;p52"/>
          <p:cNvSpPr txBox="1"/>
          <p:nvPr/>
        </p:nvSpPr>
        <p:spPr>
          <a:xfrm>
            <a:off x="142920" y="488880"/>
            <a:ext cx="85206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4572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XGBoost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Tree-based boosting algorithm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Train several ‘weak’ trees, in sequence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The trees learn from previews trees’ errors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Used gradient descent for optimization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+) Captures relation between features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+) Explainable through feature importance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-) High computation-cost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i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Can add complexity to our model</a:t>
            </a:r>
            <a:endParaRPr b="1" i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743200" marR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4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367" name="Google Shape;367;p52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4200175" y="1330513"/>
            <a:ext cx="4463350" cy="238394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43592205-AF39-40D8-BC36-2C3A2F454DF0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52827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2" name="Google Shape;372;p53"/>
          <p:cNvSpPr txBox="1"/>
          <p:nvPr/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S PRE-SELEC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74" name="Google Shape;374;p53"/>
          <p:cNvSpPr txBox="1"/>
          <p:nvPr/>
        </p:nvSpPr>
        <p:spPr>
          <a:xfrm>
            <a:off x="166983" y="558180"/>
            <a:ext cx="85206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4572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LightGBM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Similar architecture than XGBoost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Use Exclusive Feature Bundling (EFB) method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173038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Use Gradient-based One-Side Sampling (GOSS) method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+) Fast to handle huge number of features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+) Fast to learn from big dataset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-) Can lose predictive power compare to XGBoost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i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Also, can add complexity at a lower cost</a:t>
            </a:r>
            <a:endParaRPr b="1" i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2743200" marR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4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91DFDE02-C6C4-4B92-ACEE-50C5B75BC24A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52827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7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9" name="Google Shape;379;p54"/>
          <p:cNvSpPr txBox="1"/>
          <p:nvPr/>
        </p:nvSpPr>
        <p:spPr>
          <a:xfrm>
            <a:off x="0" y="-2094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S PRE-SELEC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81" name="Google Shape;381;p54"/>
          <p:cNvSpPr txBox="1"/>
          <p:nvPr/>
        </p:nvSpPr>
        <p:spPr>
          <a:xfrm>
            <a:off x="142920" y="495860"/>
            <a:ext cx="85206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4572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ATE (Dual-Attentive-Tree-Aware-Embedding)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0" indent="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4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382" name="Google Shape;382;p54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1323775" y="1207288"/>
            <a:ext cx="6496452" cy="302872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F72B7AD3-29E9-40DC-889D-991782041E51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52827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1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8" name="Google Shape;518;p68"/>
          <p:cNvSpPr txBox="1"/>
          <p:nvPr/>
        </p:nvSpPr>
        <p:spPr>
          <a:xfrm>
            <a:off x="0" y="13680"/>
            <a:ext cx="8520480" cy="5727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TRAINING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20" name="Google Shape;520;p68"/>
          <p:cNvSpPr txBox="1"/>
          <p:nvPr/>
        </p:nvSpPr>
        <p:spPr>
          <a:xfrm>
            <a:off x="361800" y="842400"/>
            <a:ext cx="7929360" cy="5230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21" name="Google Shape;521;p68"/>
          <p:cNvSpPr txBox="1"/>
          <p:nvPr/>
        </p:nvSpPr>
        <p:spPr>
          <a:xfrm>
            <a:off x="343800" y="640800"/>
            <a:ext cx="7995000" cy="374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400050" marR="0" lvl="2" indent="-4000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romanUcPeriod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Random Search tuning (50 iterations)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400050" marR="0" lvl="2" indent="-4000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romanUcPeriod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5 folds for cross-validation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400050" marR="0" lvl="2" indent="-4000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romanUcPeriod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Using F1 score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400050" marR="0" lvl="2" indent="-4000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romanUcPeriod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Balance control with hyperparameters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MODEL 1: LogisticRegression</a:t>
            </a:r>
          </a:p>
          <a:p>
            <a: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b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Params = {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   'penalty': ['l1', 'l2'],    		# Regularization penalty ('l1' or 'l2')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   'C': [0.01, 0.1, 1, 10],   		# Inverse of regularization strength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   'solver': [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liblinear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', 'saga'],  	# Algorithm to use for optimization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max_iter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': [100, 200, 300],    	# iterations for optimization</a:t>
            </a:r>
            <a:endParaRPr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class_weight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': ['balanced’]} 	</a:t>
            </a: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# controls the balance</a:t>
            </a:r>
            <a:endParaRPr b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i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860399" marR="0" lvl="5" indent="8568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600" b="0" i="0" u="none" strike="noStrike" cap="none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sym typeface="Arial"/>
            </a:endParaRPr>
          </a:p>
          <a:p>
            <a:pPr marL="285840" marR="0" lvl="0" indent="-196919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9BB62181-3CC8-4A62-8842-175E44EF845C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52827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6" name="Google Shape;526;p69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TRAINING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28" name="Google Shape;528;p69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29" name="Google Shape;529;p69"/>
          <p:cNvSpPr txBox="1"/>
          <p:nvPr/>
        </p:nvSpPr>
        <p:spPr>
          <a:xfrm>
            <a:off x="261600" y="658830"/>
            <a:ext cx="8520600" cy="374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MODEL 2: LGBMClassifier</a:t>
            </a: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params = {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learning_rate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0.01, 0.05, 0.1], 			# step size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n_estimators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100, 200, 300], 			# number of boosting rounds or trees to build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max_depth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5, 7, 9], 			# max depth of a tree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min_child_samples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10, 20, 30], 		# min number of data points in a leaf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subsample': [0.8, 1], 			# fraction of samples used for training each tree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colsample_bytree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0.8, 1], 			# fraction of features to train each tree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reg_alpha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0.1, 0.5, 1], 			# L1 reg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reg_lambda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0.1, 0.5, 1], 			# L2 reg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scale_pos_weight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int(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len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(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y_train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)/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y_train.sum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())], 	</a:t>
            </a: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# controls the balance</a:t>
            </a: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}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34C68495-7139-4EBB-AB78-CF6C3795A26F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52827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5" name="Google Shape;115;p27"/>
          <p:cNvSpPr txBox="1">
            <a:spLocks noGrp="1"/>
          </p:cNvSpPr>
          <p:nvPr>
            <p:ph type="title"/>
          </p:nvPr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OVERVIEW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E68CCA4C-C843-4596-B5A4-66BDCC6621D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580332153"/>
              </p:ext>
            </p:extLst>
          </p:nvPr>
        </p:nvGraphicFramePr>
        <p:xfrm>
          <a:off x="418244" y="607142"/>
          <a:ext cx="8307511" cy="398352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02C63786-B531-44AB-B065-4CDA470540DB}"/>
              </a:ext>
            </a:extLst>
          </p:cNvPr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4" name="Google Shape;534;p70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TRAINING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36" name="Google Shape;536;p70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37" name="Google Shape;537;p70"/>
          <p:cNvSpPr txBox="1"/>
          <p:nvPr/>
        </p:nvSpPr>
        <p:spPr>
          <a:xfrm>
            <a:off x="343800" y="640800"/>
            <a:ext cx="8520600" cy="374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MODEL 2: XGBClassifier</a:t>
            </a: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params = {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learning_rate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0.01, 0.1, 0.3], 			# step size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n_estimators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50, 100], 			# number of tree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max_depth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3, 5, 7], 			# max depth of a tree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min_child_weight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3, 5], 			# min sum of instance weight needed in a child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subsample': [0.8], 				# fraction of samples used for training each tree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olsample_bytree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0.8], 			# fraction of features to train each tree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gamma': [1, 2], 				# min loss reduction to make a further partition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lambda': [2, 3], 				# L2 reg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alpha': [5, 7], 				# L1 reg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'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scale_pos_weight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': [int(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len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(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y_train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)/</a:t>
            </a:r>
            <a:r>
              <a:rPr lang="en-US" dirty="0" err="1">
                <a:solidFill>
                  <a:schemeClr val="bg2">
                    <a:lumMod val="50000"/>
                  </a:schemeClr>
                </a:solidFill>
              </a:rPr>
              <a:t>y_train.sum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())],	</a:t>
            </a: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# controls the balance</a:t>
            </a: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    }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 dirty="0">
              <a:solidFill>
                <a:schemeClr val="bg2">
                  <a:lumMod val="50000"/>
                </a:schemeClr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1FA1B3F2-FA5D-45EB-92D4-E3C6E0725853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52827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5" name="Google Shape;315;p55"/>
          <p:cNvSpPr txBox="1">
            <a:spLocks noGrp="1"/>
          </p:cNvSpPr>
          <p:nvPr>
            <p:ph type="title"/>
          </p:nvPr>
        </p:nvSpPr>
        <p:spPr>
          <a:xfrm>
            <a:off x="0" y="24166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-US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EVALUATION METRICS</a:t>
            </a:r>
            <a:endParaRPr sz="2400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2FBF36BA-CC1B-40F6-A198-1A8C81ABF6B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907544048"/>
              </p:ext>
            </p:extLst>
          </p:nvPr>
        </p:nvGraphicFramePr>
        <p:xfrm>
          <a:off x="642005" y="524097"/>
          <a:ext cx="8319115" cy="394800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59EC096B-A59D-436B-914C-4C3A55B2FCCD}"/>
              </a:ext>
            </a:extLst>
          </p:cNvPr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6431858" y="4752827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4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2" name="Google Shape;542;p71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Font typeface="Arial"/>
              <a:buNone/>
            </a:pP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EVALUA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43" name="Google Shape;543;p71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44" name="Google Shape;544;p71"/>
          <p:cNvSpPr txBox="1"/>
          <p:nvPr/>
        </p:nvSpPr>
        <p:spPr>
          <a:xfrm>
            <a:off x="343800" y="640800"/>
            <a:ext cx="7995000" cy="374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2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LogisticRegression</a:t>
            </a:r>
            <a:endParaRPr b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2" indent="0" algn="l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Font typeface="Arial"/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# Threshold based analysis</a:t>
            </a: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ROC curve analysi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Model AUC: 0.8157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Best ROC Threshold value = 0.5090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# Metrics with optimal threshold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</p:txBody>
      </p:sp>
      <p:pic>
        <p:nvPicPr>
          <p:cNvPr id="545" name="Google Shape;545;p71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4984848" y="160810"/>
            <a:ext cx="3199781" cy="230803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546" name="Google Shape;546;p71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4984848" y="2674656"/>
            <a:ext cx="3199781" cy="218501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E32FD238-1221-4D23-86A1-80F3B8E45E0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74253019"/>
              </p:ext>
            </p:extLst>
          </p:nvPr>
        </p:nvGraphicFramePr>
        <p:xfrm>
          <a:off x="361800" y="3136260"/>
          <a:ext cx="3552474" cy="1366440"/>
        </p:xfrm>
        <a:graphic>
          <a:graphicData uri="http://schemas.openxmlformats.org/drawingml/2006/table">
            <a:tbl>
              <a:tblPr firstRow="1" bandRow="1">
                <a:tableStyleId>{5FD0F851-EC5A-4D38-B0AD-8093EC10F338}</a:tableStyleId>
              </a:tblPr>
              <a:tblGrid>
                <a:gridCol w="1184158">
                  <a:extLst>
                    <a:ext uri="{9D8B030D-6E8A-4147-A177-3AD203B41FA5}">
                      <a16:colId xmlns:a16="http://schemas.microsoft.com/office/drawing/2014/main" val="995877871"/>
                    </a:ext>
                  </a:extLst>
                </a:gridCol>
                <a:gridCol w="1184158">
                  <a:extLst>
                    <a:ext uri="{9D8B030D-6E8A-4147-A177-3AD203B41FA5}">
                      <a16:colId xmlns:a16="http://schemas.microsoft.com/office/drawing/2014/main" val="1859695171"/>
                    </a:ext>
                  </a:extLst>
                </a:gridCol>
                <a:gridCol w="1184158">
                  <a:extLst>
                    <a:ext uri="{9D8B030D-6E8A-4147-A177-3AD203B41FA5}">
                      <a16:colId xmlns:a16="http://schemas.microsoft.com/office/drawing/2014/main" val="1889932211"/>
                    </a:ext>
                  </a:extLst>
                </a:gridCol>
              </a:tblGrid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 Metric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Tra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Tes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66468009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Accurac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658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658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62655995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Precision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07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 0.072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13453512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Recall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85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86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78211868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F1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134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 0.134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75172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1" name="Google Shape;551;p72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EVALUA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52" name="Google Shape;552;p72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53" name="Google Shape;553;p72"/>
          <p:cNvSpPr txBox="1"/>
          <p:nvPr/>
        </p:nvSpPr>
        <p:spPr>
          <a:xfrm>
            <a:off x="343800" y="640800"/>
            <a:ext cx="7995000" cy="374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2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LGBMClassifier</a:t>
            </a:r>
            <a:endParaRPr b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2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# Threshold based analysis</a:t>
            </a: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ROC curve analysi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Model AUC: 0.8846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Best ROC Threshold value = 0.3674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# Metrics with optimal threshold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</p:txBody>
      </p:sp>
      <p:pic>
        <p:nvPicPr>
          <p:cNvPr id="556" name="Google Shape;556;p72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4983480" y="164592"/>
            <a:ext cx="3200400" cy="230428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557" name="Google Shape;557;p72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4983480" y="2679192"/>
            <a:ext cx="3200400" cy="230428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90846705-459A-4DA3-B2AF-29DD6188AFE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9426308"/>
              </p:ext>
            </p:extLst>
          </p:nvPr>
        </p:nvGraphicFramePr>
        <p:xfrm>
          <a:off x="361800" y="3119240"/>
          <a:ext cx="3552474" cy="1366440"/>
        </p:xfrm>
        <a:graphic>
          <a:graphicData uri="http://schemas.openxmlformats.org/drawingml/2006/table">
            <a:tbl>
              <a:tblPr firstRow="1" bandRow="1">
                <a:tableStyleId>{5FD0F851-EC5A-4D38-B0AD-8093EC10F338}</a:tableStyleId>
              </a:tblPr>
              <a:tblGrid>
                <a:gridCol w="1184158">
                  <a:extLst>
                    <a:ext uri="{9D8B030D-6E8A-4147-A177-3AD203B41FA5}">
                      <a16:colId xmlns:a16="http://schemas.microsoft.com/office/drawing/2014/main" val="995877871"/>
                    </a:ext>
                  </a:extLst>
                </a:gridCol>
                <a:gridCol w="1184158">
                  <a:extLst>
                    <a:ext uri="{9D8B030D-6E8A-4147-A177-3AD203B41FA5}">
                      <a16:colId xmlns:a16="http://schemas.microsoft.com/office/drawing/2014/main" val="1859695171"/>
                    </a:ext>
                  </a:extLst>
                </a:gridCol>
                <a:gridCol w="1184158">
                  <a:extLst>
                    <a:ext uri="{9D8B030D-6E8A-4147-A177-3AD203B41FA5}">
                      <a16:colId xmlns:a16="http://schemas.microsoft.com/office/drawing/2014/main" val="1889932211"/>
                    </a:ext>
                  </a:extLst>
                </a:gridCol>
              </a:tblGrid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 Metric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Trai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Test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66468009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Accurac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72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721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62655995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Precision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094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093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3453512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Recall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92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922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78211868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F1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171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168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7075172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6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2" name="Google Shape;562;p73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EVALUA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63" name="Google Shape;563;p73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64" name="Google Shape;564;p73"/>
          <p:cNvSpPr txBox="1"/>
          <p:nvPr/>
        </p:nvSpPr>
        <p:spPr>
          <a:xfrm>
            <a:off x="343800" y="640800"/>
            <a:ext cx="7995000" cy="374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2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XGBClassifier</a:t>
            </a:r>
            <a:endParaRPr b="1" dirty="0">
              <a:solidFill>
                <a:schemeClr val="bg2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2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 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# Threshold based analysis</a:t>
            </a: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ROC curve analysis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Model AUC: 0.9592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Best ROC Threshold value = 0.5162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</a:rPr>
              <a:t># Metrics with optimal threshold</a:t>
            </a:r>
            <a:endParaRPr b="1"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</p:txBody>
      </p:sp>
      <p:pic>
        <p:nvPicPr>
          <p:cNvPr id="569" name="Google Shape;569;p73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4983480" y="164592"/>
            <a:ext cx="3200400" cy="230428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570" name="Google Shape;570;p73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4983480" y="2679192"/>
            <a:ext cx="3200400" cy="230428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0D06F717-88D0-49D8-8140-C9E76D97155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59033072"/>
              </p:ext>
            </p:extLst>
          </p:nvPr>
        </p:nvGraphicFramePr>
        <p:xfrm>
          <a:off x="361800" y="3136260"/>
          <a:ext cx="3552474" cy="1366440"/>
        </p:xfrm>
        <a:graphic>
          <a:graphicData uri="http://schemas.openxmlformats.org/drawingml/2006/table">
            <a:tbl>
              <a:tblPr firstRow="1" bandRow="1">
                <a:tableStyleId>{5FD0F851-EC5A-4D38-B0AD-8093EC10F338}</a:tableStyleId>
              </a:tblPr>
              <a:tblGrid>
                <a:gridCol w="1184158">
                  <a:extLst>
                    <a:ext uri="{9D8B030D-6E8A-4147-A177-3AD203B41FA5}">
                      <a16:colId xmlns:a16="http://schemas.microsoft.com/office/drawing/2014/main" val="995877871"/>
                    </a:ext>
                  </a:extLst>
                </a:gridCol>
                <a:gridCol w="1184158">
                  <a:extLst>
                    <a:ext uri="{9D8B030D-6E8A-4147-A177-3AD203B41FA5}">
                      <a16:colId xmlns:a16="http://schemas.microsoft.com/office/drawing/2014/main" val="1859695171"/>
                    </a:ext>
                  </a:extLst>
                </a:gridCol>
                <a:gridCol w="1184158">
                  <a:extLst>
                    <a:ext uri="{9D8B030D-6E8A-4147-A177-3AD203B41FA5}">
                      <a16:colId xmlns:a16="http://schemas.microsoft.com/office/drawing/2014/main" val="1889932211"/>
                    </a:ext>
                  </a:extLst>
                </a:gridCol>
              </a:tblGrid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 Metric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Trai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Test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66468009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Accurac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86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857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62655995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Precision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17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169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3453512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Recall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 0.968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936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78211868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F1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299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286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7075172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7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5" name="Google Shape;575;p74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 SELEC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6" name="Google Shape;576;p74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7" name="Google Shape;577;p74"/>
          <p:cNvSpPr txBox="1"/>
          <p:nvPr/>
        </p:nvSpPr>
        <p:spPr>
          <a:xfrm>
            <a:off x="343800" y="640800"/>
            <a:ext cx="7995000" cy="374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b="1" dirty="0"/>
          </a:p>
        </p:txBody>
      </p:sp>
      <p:pic>
        <p:nvPicPr>
          <p:cNvPr id="578" name="Google Shape;578;p74"/>
          <p:cNvPicPr preferRelativeResize="0"/>
          <p:nvPr/>
        </p:nvPicPr>
        <p:blipFill>
          <a:blip r:embed="rId3">
            <a:alphaModFix/>
          </a:blip>
          <a:stretch>
            <a:fillRect/>
          </a:stretch>
        </p:blipFill>
        <p:spPr>
          <a:xfrm>
            <a:off x="3504096" y="801949"/>
            <a:ext cx="5412359" cy="3741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C71DF576-CCA2-4F98-87BF-B65119E216D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77017662"/>
              </p:ext>
            </p:extLst>
          </p:nvPr>
        </p:nvGraphicFramePr>
        <p:xfrm>
          <a:off x="138745" y="834585"/>
          <a:ext cx="3160296" cy="1483360"/>
        </p:xfrm>
        <a:graphic>
          <a:graphicData uri="http://schemas.openxmlformats.org/drawingml/2006/table">
            <a:tbl>
              <a:tblPr firstRow="1" bandRow="1">
                <a:tableStyleId>{5FD0F851-EC5A-4D38-B0AD-8093EC10F338}</a:tableStyleId>
              </a:tblPr>
              <a:tblGrid>
                <a:gridCol w="1580148">
                  <a:extLst>
                    <a:ext uri="{9D8B030D-6E8A-4147-A177-3AD203B41FA5}">
                      <a16:colId xmlns:a16="http://schemas.microsoft.com/office/drawing/2014/main" val="1285530173"/>
                    </a:ext>
                  </a:extLst>
                </a:gridCol>
                <a:gridCol w="1580148">
                  <a:extLst>
                    <a:ext uri="{9D8B030D-6E8A-4147-A177-3AD203B41FA5}">
                      <a16:colId xmlns:a16="http://schemas.microsoft.com/office/drawing/2014/main" val="3724112607"/>
                    </a:ext>
                  </a:extLst>
                </a:gridCol>
              </a:tblGrid>
              <a:tr h="370840">
                <a:tc grid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US" dirty="0">
                          <a:solidFill>
                            <a:schemeClr val="bg2">
                              <a:lumMod val="50000"/>
                            </a:schemeClr>
                          </a:solidFill>
                        </a:rPr>
                        <a:t>F1 mean with threshold by default</a:t>
                      </a:r>
                      <a:endParaRPr lang="en-US" b="1" dirty="0">
                        <a:solidFill>
                          <a:schemeClr val="bg2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506841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2">
                              <a:lumMod val="50000"/>
                            </a:schemeClr>
                          </a:solidFill>
                        </a:rPr>
                        <a:t>LogReg_R_f1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2">
                              <a:lumMod val="50000"/>
                            </a:schemeClr>
                          </a:solidFill>
                        </a:rPr>
                        <a:t>0.13079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6596908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2">
                              <a:lumMod val="50000"/>
                            </a:schemeClr>
                          </a:solidFill>
                        </a:rPr>
                        <a:t>LGBM_R_f1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2">
                              <a:lumMod val="50000"/>
                            </a:schemeClr>
                          </a:solidFill>
                        </a:rPr>
                        <a:t> 0.188104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9186624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2">
                              <a:lumMod val="50000"/>
                            </a:schemeClr>
                          </a:solidFill>
                        </a:rPr>
                        <a:t> XGB_R_f1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2">
                              <a:lumMod val="50000"/>
                            </a:schemeClr>
                          </a:solidFill>
                        </a:rPr>
                        <a:t>0.24708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26853522"/>
                  </a:ext>
                </a:extLst>
              </a:tr>
            </a:tbl>
          </a:graphicData>
        </a:graphic>
      </p:graphicFrame>
      <p:pic>
        <p:nvPicPr>
          <p:cNvPr id="8" name="Google Shape;327;p57">
            <a:extLst>
              <a:ext uri="{FF2B5EF4-FFF2-40B4-BE49-F238E27FC236}">
                <a16:creationId xmlns:a16="http://schemas.microsoft.com/office/drawing/2014/main" id="{CE3FFA02-8407-40AD-92B3-C29CAF1A05C9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8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3" name="Google Shape;583;p75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 SELEC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84" name="Google Shape;584;p75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85" name="Google Shape;585;p75"/>
          <p:cNvSpPr txBox="1"/>
          <p:nvPr/>
        </p:nvSpPr>
        <p:spPr>
          <a:xfrm>
            <a:off x="328950" y="453990"/>
            <a:ext cx="79950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sz="16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6DC3E3C-9C23-461E-8E5B-D68BEE3AC88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6870" y="495300"/>
            <a:ext cx="5890260" cy="41529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Google Shape;327;p57">
            <a:extLst>
              <a:ext uri="{FF2B5EF4-FFF2-40B4-BE49-F238E27FC236}">
                <a16:creationId xmlns:a16="http://schemas.microsoft.com/office/drawing/2014/main" id="{4DF8BE57-FF7E-4E2D-9DE7-BF6B29ECE0F8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1" name="Google Shape;591;p76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 SELECTION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92" name="Google Shape;592;p76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93" name="Google Shape;593;p76"/>
          <p:cNvSpPr txBox="1"/>
          <p:nvPr/>
        </p:nvSpPr>
        <p:spPr>
          <a:xfrm>
            <a:off x="103168" y="508080"/>
            <a:ext cx="79950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sz="16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9F0314A-1626-45EF-B8DB-AE18DFEA849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6870" y="495300"/>
            <a:ext cx="5890260" cy="41529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Google Shape;327;p57">
            <a:extLst>
              <a:ext uri="{FF2B5EF4-FFF2-40B4-BE49-F238E27FC236}">
                <a16:creationId xmlns:a16="http://schemas.microsoft.com/office/drawing/2014/main" id="{8DD0521A-061A-491D-8480-81AD48AAC326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12C14527-0312-4F14-9CAD-DCF990C4402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6870" y="495300"/>
            <a:ext cx="5890260" cy="41529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600" name="Google Shape;600;p77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BACUDA DATE MODEL</a:t>
            </a:r>
            <a:endParaRPr sz="2400" b="0" i="0" u="none" strike="noStrike" cap="none" dirty="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601" name="Google Shape;601;p77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0" name="Google Shape;602;p77">
            <a:extLst>
              <a:ext uri="{FF2B5EF4-FFF2-40B4-BE49-F238E27FC236}">
                <a16:creationId xmlns:a16="http://schemas.microsoft.com/office/drawing/2014/main" id="{96899ED8-00A4-4EB0-8E78-E189112BE8D8}"/>
              </a:ext>
            </a:extLst>
          </p:cNvPr>
          <p:cNvSpPr txBox="1"/>
          <p:nvPr/>
        </p:nvSpPr>
        <p:spPr>
          <a:xfrm>
            <a:off x="4572000" y="2001127"/>
            <a:ext cx="2535350" cy="12817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Note: DATE model using country of ‘</a:t>
            </a:r>
            <a:r>
              <a:rPr lang="en-US" b="1" i="1" dirty="0"/>
              <a:t>origin</a:t>
            </a:r>
            <a:r>
              <a:rPr lang="en-US" dirty="0"/>
              <a:t>’ in place of </a:t>
            </a:r>
            <a:r>
              <a:rPr lang="en-US" b="1" i="1" dirty="0"/>
              <a:t>‘importers id’</a:t>
            </a:r>
            <a:endParaRPr b="1" i="1" dirty="0"/>
          </a:p>
        </p:txBody>
      </p:sp>
      <p:pic>
        <p:nvPicPr>
          <p:cNvPr id="7" name="Google Shape;327;p57">
            <a:extLst>
              <a:ext uri="{FF2B5EF4-FFF2-40B4-BE49-F238E27FC236}">
                <a16:creationId xmlns:a16="http://schemas.microsoft.com/office/drawing/2014/main" id="{863C03A8-0344-4EF1-BD16-48F2D1B323E2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1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1" name="Google Shape;611;p78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BACUDA DATE MODEL</a:t>
            </a:r>
            <a:endParaRPr sz="2400" dirty="0">
              <a:solidFill>
                <a:schemeClr val="dk1"/>
              </a:solidFill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2400" b="1" dirty="0">
              <a:solidFill>
                <a:srgbClr val="004B53"/>
              </a:solidFill>
              <a:latin typeface="Inter"/>
              <a:ea typeface="Inter"/>
              <a:cs typeface="Inter"/>
              <a:sym typeface="Inter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CB08638-89EA-4F4A-ABD8-A75FF556A8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35684" y="501514"/>
            <a:ext cx="5872632" cy="414047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7" name="Google Shape;602;p77">
            <a:extLst>
              <a:ext uri="{FF2B5EF4-FFF2-40B4-BE49-F238E27FC236}">
                <a16:creationId xmlns:a16="http://schemas.microsoft.com/office/drawing/2014/main" id="{D7D59D84-906A-4FA6-9761-B8AA3D508CF5}"/>
              </a:ext>
            </a:extLst>
          </p:cNvPr>
          <p:cNvSpPr txBox="1"/>
          <p:nvPr/>
        </p:nvSpPr>
        <p:spPr>
          <a:xfrm>
            <a:off x="4572000" y="2001127"/>
            <a:ext cx="2535350" cy="12817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Note: DATE model using country of ‘</a:t>
            </a:r>
            <a:r>
              <a:rPr lang="en-US" b="1" i="1" dirty="0"/>
              <a:t>origin</a:t>
            </a:r>
            <a:r>
              <a:rPr lang="en-US" dirty="0"/>
              <a:t>’ in place of </a:t>
            </a:r>
            <a:r>
              <a:rPr lang="en-US" b="1" i="1" dirty="0"/>
              <a:t>‘importers id’</a:t>
            </a:r>
            <a:endParaRPr b="1" i="1" dirty="0"/>
          </a:p>
        </p:txBody>
      </p:sp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6A6299FC-78D9-40A8-A013-08450DF0F20F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0" name="Google Shape;130;p29"/>
          <p:cNvSpPr txBox="1">
            <a:spLocks noGrp="1"/>
          </p:cNvSpPr>
          <p:nvPr>
            <p:ph type="title"/>
          </p:nvPr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-US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BACKGROUND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pic>
        <p:nvPicPr>
          <p:cNvPr id="132" name="Google Shape;132;p29" descr="Artificial Intelligence Market Size 2023 to 2032"/>
          <p:cNvPicPr preferRelativeResize="0"/>
          <p:nvPr/>
        </p:nvPicPr>
        <p:blipFill rotWithShape="1">
          <a:blip r:embed="rId3">
            <a:alphaModFix/>
            <a:duotone>
              <a:schemeClr val="accent5">
                <a:shade val="45000"/>
                <a:satMod val="135000"/>
              </a:schemeClr>
              <a:prstClr val="white"/>
            </a:duotone>
          </a:blip>
          <a:srcRect/>
          <a:stretch/>
        </p:blipFill>
        <p:spPr>
          <a:xfrm>
            <a:off x="1663674" y="612645"/>
            <a:ext cx="5816651" cy="3459434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5" name="Google Shape;130;p29">
            <a:extLst>
              <a:ext uri="{FF2B5EF4-FFF2-40B4-BE49-F238E27FC236}">
                <a16:creationId xmlns:a16="http://schemas.microsoft.com/office/drawing/2014/main" id="{FEE21521-0FF1-4324-BA11-5455C0391BCE}"/>
              </a:ext>
            </a:extLst>
          </p:cNvPr>
          <p:cNvSpPr txBox="1">
            <a:spLocks/>
          </p:cNvSpPr>
          <p:nvPr/>
        </p:nvSpPr>
        <p:spPr>
          <a:xfrm>
            <a:off x="623400" y="4163168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1200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GLOBAL ARTIFICIAL INTELLIGENCE MARKET SIZE </a:t>
            </a:r>
            <a:br>
              <a:rPr lang="en-US" sz="1200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</a:br>
            <a:r>
              <a:rPr lang="en-US" sz="1200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(Forecast 2023 – 2032)</a:t>
            </a:r>
          </a:p>
        </p:txBody>
      </p:sp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AE3154D4-6C25-48D0-A4E8-BF233133476A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Google Shape;63;g2ad9fb10f13_0_9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 </a:t>
            </a: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VALIDATION</a:t>
            </a:r>
            <a:endParaRPr sz="2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64" name="Google Shape;64;g2ad9fb10f13_0_9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65" name="Google Shape;65;g2ad9fb10f13_0_9"/>
          <p:cNvSpPr txBox="1"/>
          <p:nvPr/>
        </p:nvSpPr>
        <p:spPr>
          <a:xfrm>
            <a:off x="328950" y="453990"/>
            <a:ext cx="79950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45720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8C76663-C75D-4F2D-8E4E-285D7FDBC2A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6870" y="495300"/>
            <a:ext cx="5890260" cy="41529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Google Shape;327;p57">
            <a:extLst>
              <a:ext uri="{FF2B5EF4-FFF2-40B4-BE49-F238E27FC236}">
                <a16:creationId xmlns:a16="http://schemas.microsoft.com/office/drawing/2014/main" id="{92C25D9A-CFCB-4801-8150-EEDAED9CD27E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" name="Google Shape;72;g2ad9fb10f13_0_0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 </a:t>
            </a: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VALIDATION</a:t>
            </a:r>
            <a:endParaRPr sz="2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73" name="Google Shape;73;g2ad9fb10f13_0_0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74" name="Google Shape;74;g2ad9fb10f13_0_0"/>
          <p:cNvSpPr txBox="1"/>
          <p:nvPr/>
        </p:nvSpPr>
        <p:spPr>
          <a:xfrm>
            <a:off x="328950" y="453990"/>
            <a:ext cx="79950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450F7DD4-C752-405F-9EE6-AC5EC74B1CC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6870" y="495300"/>
            <a:ext cx="5890260" cy="41529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Google Shape;327;p57">
            <a:extLst>
              <a:ext uri="{FF2B5EF4-FFF2-40B4-BE49-F238E27FC236}">
                <a16:creationId xmlns:a16="http://schemas.microsoft.com/office/drawing/2014/main" id="{9E55AA2A-9DC5-4C26-92EF-D39BCDDDC4C2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Google Shape;81;g2ad9fb10f13_0_18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 </a:t>
            </a: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VALIDATION</a:t>
            </a:r>
            <a:endParaRPr sz="2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82" name="Google Shape;82;g2ad9fb10f13_0_18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83" name="Google Shape;83;g2ad9fb10f13_0_18"/>
          <p:cNvSpPr txBox="1"/>
          <p:nvPr/>
        </p:nvSpPr>
        <p:spPr>
          <a:xfrm>
            <a:off x="328950" y="453990"/>
            <a:ext cx="79950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6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627687F-7A5D-4863-91E7-7802F8B1FF2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45920" y="495300"/>
            <a:ext cx="5852160" cy="41529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Google Shape;327;p57">
            <a:extLst>
              <a:ext uri="{FF2B5EF4-FFF2-40B4-BE49-F238E27FC236}">
                <a16:creationId xmlns:a16="http://schemas.microsoft.com/office/drawing/2014/main" id="{C2905534-E2D1-4C2B-9882-6A6F785ED301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2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1" name="Google Shape;621;p79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PROBLEM SPLITTING</a:t>
            </a:r>
            <a:endParaRPr sz="24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622" name="Google Shape;622;p79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623" name="Google Shape;623;p79"/>
          <p:cNvSpPr txBox="1"/>
          <p:nvPr/>
        </p:nvSpPr>
        <p:spPr>
          <a:xfrm>
            <a:off x="343800" y="640800"/>
            <a:ext cx="7995000" cy="374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XGBClassifier </a:t>
            </a: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trained regarding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means of transport</a:t>
            </a: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Concatenated results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chemeClr val="bg2">
                  <a:lumMod val="50000"/>
                </a:schemeClr>
              </a:solidFill>
            </a:endParaRP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0C0B4807-6B85-4A41-BFDD-8A9B84EE134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34197478"/>
              </p:ext>
            </p:extLst>
          </p:nvPr>
        </p:nvGraphicFramePr>
        <p:xfrm>
          <a:off x="425115" y="2303826"/>
          <a:ext cx="2368316" cy="1366440"/>
        </p:xfrm>
        <a:graphic>
          <a:graphicData uri="http://schemas.openxmlformats.org/drawingml/2006/table">
            <a:tbl>
              <a:tblPr firstRow="1" bandRow="1">
                <a:tableStyleId>{5FD0F851-EC5A-4D38-B0AD-8093EC10F338}</a:tableStyleId>
              </a:tblPr>
              <a:tblGrid>
                <a:gridCol w="1184158">
                  <a:extLst>
                    <a:ext uri="{9D8B030D-6E8A-4147-A177-3AD203B41FA5}">
                      <a16:colId xmlns:a16="http://schemas.microsoft.com/office/drawing/2014/main" val="995877871"/>
                    </a:ext>
                  </a:extLst>
                </a:gridCol>
                <a:gridCol w="1184158">
                  <a:extLst>
                    <a:ext uri="{9D8B030D-6E8A-4147-A177-3AD203B41FA5}">
                      <a16:colId xmlns:a16="http://schemas.microsoft.com/office/drawing/2014/main" val="1889932211"/>
                    </a:ext>
                  </a:extLst>
                </a:gridCol>
              </a:tblGrid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 Metric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Test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66468009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Accurac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95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62655995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Precision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369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3453512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Recall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 0.879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78211868"/>
                  </a:ext>
                </a:extLst>
              </a:tr>
              <a:tr h="273288">
                <a:tc>
                  <a:txBody>
                    <a:bodyPr/>
                    <a:lstStyle/>
                    <a:p>
                      <a:r>
                        <a:rPr lang="en-US" sz="1100" dirty="0"/>
                        <a:t>F1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0.52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7075172"/>
                  </a:ext>
                </a:extLst>
              </a:tr>
            </a:tbl>
          </a:graphicData>
        </a:graphic>
      </p:graphicFrame>
      <p:pic>
        <p:nvPicPr>
          <p:cNvPr id="6" name="Picture 5">
            <a:extLst>
              <a:ext uri="{FF2B5EF4-FFF2-40B4-BE49-F238E27FC236}">
                <a16:creationId xmlns:a16="http://schemas.microsoft.com/office/drawing/2014/main" id="{D813E741-1516-4583-A976-77B8747527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16803" y="640800"/>
            <a:ext cx="5153978" cy="363378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Google Shape;327;p57">
            <a:extLst>
              <a:ext uri="{FF2B5EF4-FFF2-40B4-BE49-F238E27FC236}">
                <a16:creationId xmlns:a16="http://schemas.microsoft.com/office/drawing/2014/main" id="{FA7FEF48-17A8-403B-B5FF-5F44FF18AEA1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8" name="Google Shape;328;p57"/>
          <p:cNvSpPr txBox="1">
            <a:spLocks noGrp="1"/>
          </p:cNvSpPr>
          <p:nvPr>
            <p:ph type="title"/>
          </p:nvPr>
        </p:nvSpPr>
        <p:spPr>
          <a:xfrm>
            <a:off x="0" y="-165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EPLOYMENT STRATEGIES</a:t>
            </a:r>
            <a:endParaRPr sz="2400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B42639AA-F1E9-45B9-8230-7173F5AD9252}"/>
              </a:ext>
            </a:extLst>
          </p:cNvPr>
          <p:cNvSpPr txBox="1"/>
          <p:nvPr/>
        </p:nvSpPr>
        <p:spPr>
          <a:xfrm>
            <a:off x="116302" y="499702"/>
            <a:ext cx="81381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>
                    <a:lumMod val="50000"/>
                  </a:schemeClr>
                </a:solidFill>
              </a:rPr>
              <a:t>Model will be deployed in 3 stages:</a:t>
            </a:r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A5D696D8-DDCF-44B7-B6D0-56DD5E49AC3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63216875"/>
              </p:ext>
            </p:extLst>
          </p:nvPr>
        </p:nvGraphicFramePr>
        <p:xfrm>
          <a:off x="289283" y="964366"/>
          <a:ext cx="8616168" cy="36810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86B573DB-8D70-4DE2-9976-566E3C6D6101}"/>
              </a:ext>
            </a:extLst>
          </p:cNvPr>
          <p:cNvSpPr txBox="1"/>
          <p:nvPr/>
        </p:nvSpPr>
        <p:spPr>
          <a:xfrm>
            <a:off x="116302" y="3644326"/>
            <a:ext cx="8409413" cy="10233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7338" indent="-287338">
              <a:buFont typeface="Arial" panose="020B0604020202020204" pitchFamily="34" charset="0"/>
              <a:buChar char="•"/>
            </a:pPr>
            <a:r>
              <a:rPr lang="en-US" b="1" dirty="0"/>
              <a:t>Overall Strategy Highlights:</a:t>
            </a:r>
          </a:p>
          <a:p>
            <a:pPr marL="687388" lvl="1" indent="-287338">
              <a:buFont typeface="Wingdings" panose="05000000000000000000" pitchFamily="2" charset="2"/>
              <a:buChar char="ü"/>
            </a:pPr>
            <a:r>
              <a:rPr lang="en-US" sz="1200" dirty="0"/>
              <a:t>Risk management performance preserved with gradual integration.</a:t>
            </a:r>
          </a:p>
          <a:p>
            <a:pPr marL="687388" lvl="1" indent="-287338">
              <a:buFont typeface="Wingdings" panose="05000000000000000000" pitchFamily="2" charset="2"/>
              <a:buChar char="ü"/>
            </a:pPr>
            <a:r>
              <a:rPr lang="en-US" sz="1200" dirty="0"/>
              <a:t>Continuous monitoring of key metrics ensures the robustness of the AI model.</a:t>
            </a:r>
          </a:p>
          <a:p>
            <a:pPr marL="687388" lvl="1" indent="-287338">
              <a:buFont typeface="Wingdings" panose="05000000000000000000" pitchFamily="2" charset="2"/>
              <a:buChar char="ü"/>
            </a:pPr>
            <a:r>
              <a:rPr lang="en-US" sz="1200" dirty="0"/>
              <a:t>Ensuring careful analysis and evaluation at each stage.</a:t>
            </a:r>
          </a:p>
          <a:p>
            <a:endParaRPr lang="en-US" sz="1050" dirty="0"/>
          </a:p>
        </p:txBody>
      </p:sp>
      <p:pic>
        <p:nvPicPr>
          <p:cNvPr id="9" name="Google Shape;327;p57">
            <a:extLst>
              <a:ext uri="{FF2B5EF4-FFF2-40B4-BE49-F238E27FC236}">
                <a16:creationId xmlns:a16="http://schemas.microsoft.com/office/drawing/2014/main" id="{A4CD1882-3B36-4B2B-8745-C984453276AF}"/>
              </a:ext>
            </a:extLst>
          </p:cNvPr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1" name="OTLSHAPE_SL2A_4d4c772c45dd437aad5b56c732c9aed1_BackgroundRectangle" hidden="1">
            <a:extLst>
              <a:ext uri="{FF2B5EF4-FFF2-40B4-BE49-F238E27FC236}">
                <a16:creationId xmlns:a16="http://schemas.microsoft.com/office/drawing/2014/main" id="{647981D9-3C4C-4364-9FA6-2CDDA3AF39A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243076" y="1216025"/>
            <a:ext cx="6896100" cy="620437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SL2A_e3aba02228cc40df8fbeecc05cc2ad4f_BackgroundRectangle" hidden="1">
            <a:extLst>
              <a:ext uri="{FF2B5EF4-FFF2-40B4-BE49-F238E27FC236}">
                <a16:creationId xmlns:a16="http://schemas.microsoft.com/office/drawing/2014/main" id="{3C9EBF05-71D4-498C-A5AC-05C7890EC0C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243076" y="1861862"/>
            <a:ext cx="6896100" cy="620437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3" name="OTLSHAPE_SL2A_7b7b19bc04fd4e8893e03a0125e94799_BackgroundRectangle" hidden="1">
            <a:extLst>
              <a:ext uri="{FF2B5EF4-FFF2-40B4-BE49-F238E27FC236}">
                <a16:creationId xmlns:a16="http://schemas.microsoft.com/office/drawing/2014/main" id="{E01E1BAA-5DC7-4562-90F5-CC29AC774F3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43076" y="2507700"/>
            <a:ext cx="6896100" cy="620437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" name="OTLSHAPE_SL2A_d6ba0da0c1574e068d0faafa8da7ce93_BackgroundRectangle" hidden="1">
            <a:extLst>
              <a:ext uri="{FF2B5EF4-FFF2-40B4-BE49-F238E27FC236}">
                <a16:creationId xmlns:a16="http://schemas.microsoft.com/office/drawing/2014/main" id="{A052CDB1-095B-4B80-BD85-358EC9AD598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43076" y="3153537"/>
            <a:ext cx="6896100" cy="620437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5" name="OTLSHAPE_SL2A_ac3c18781fc1460b9bf44ba454fe7be8_BackgroundRectangle" hidden="1">
            <a:extLst>
              <a:ext uri="{FF2B5EF4-FFF2-40B4-BE49-F238E27FC236}">
                <a16:creationId xmlns:a16="http://schemas.microsoft.com/office/drawing/2014/main" id="{83CE1C2D-F5B1-4268-A35E-65502689262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43076" y="3799374"/>
            <a:ext cx="6896100" cy="620437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9" name="OTLSHAPE_SL2A_4d4c772c45dd437aad5b56c732c9aed1_HeaderRectangle" hidden="1">
            <a:extLst>
              <a:ext uri="{FF2B5EF4-FFF2-40B4-BE49-F238E27FC236}">
                <a16:creationId xmlns:a16="http://schemas.microsoft.com/office/drawing/2014/main" id="{FC36D850-9E3B-4CDC-903B-97ECF046EF6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43076" y="1216025"/>
            <a:ext cx="0" cy="0"/>
          </a:xfrm>
          <a:prstGeom prst="rect">
            <a:avLst/>
          </a:prstGeom>
          <a:solidFill>
            <a:srgbClr val="FFC000">
              <a:alpha val="24706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0" name="OTLSHAPE_SL2A_e3aba02228cc40df8fbeecc05cc2ad4f_HeaderRectangle" hidden="1">
            <a:extLst>
              <a:ext uri="{FF2B5EF4-FFF2-40B4-BE49-F238E27FC236}">
                <a16:creationId xmlns:a16="http://schemas.microsoft.com/office/drawing/2014/main" id="{25F26410-072E-406C-AFA1-B8C87467349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43076" y="1861862"/>
            <a:ext cx="0" cy="0"/>
          </a:xfrm>
          <a:prstGeom prst="rect">
            <a:avLst/>
          </a:prstGeom>
          <a:solidFill>
            <a:srgbClr val="70AD47">
              <a:alpha val="24706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1" name="OTLSHAPE_SL2A_7b7b19bc04fd4e8893e03a0125e94799_HeaderRectangle" hidden="1">
            <a:extLst>
              <a:ext uri="{FF2B5EF4-FFF2-40B4-BE49-F238E27FC236}">
                <a16:creationId xmlns:a16="http://schemas.microsoft.com/office/drawing/2014/main" id="{577CE8CE-A810-4D05-8752-591C54FF2BE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43076" y="2507700"/>
            <a:ext cx="0" cy="0"/>
          </a:xfrm>
          <a:prstGeom prst="rect">
            <a:avLst/>
          </a:prstGeom>
          <a:solidFill>
            <a:srgbClr val="5B9BD5">
              <a:alpha val="24706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" name="OTLSHAPE_SL2A_d6ba0da0c1574e068d0faafa8da7ce93_HeaderRectangle" hidden="1">
            <a:extLst>
              <a:ext uri="{FF2B5EF4-FFF2-40B4-BE49-F238E27FC236}">
                <a16:creationId xmlns:a16="http://schemas.microsoft.com/office/drawing/2014/main" id="{037B0D14-132F-47AE-B00D-EF4730FB720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43076" y="3153537"/>
            <a:ext cx="0" cy="0"/>
          </a:xfrm>
          <a:prstGeom prst="rect">
            <a:avLst/>
          </a:prstGeom>
          <a:solidFill>
            <a:srgbClr val="ED7D31">
              <a:alpha val="24706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" name="OTLSHAPE_SL2A_ac3c18781fc1460b9bf44ba454fe7be8_HeaderRectangle" hidden="1">
            <a:extLst>
              <a:ext uri="{FF2B5EF4-FFF2-40B4-BE49-F238E27FC236}">
                <a16:creationId xmlns:a16="http://schemas.microsoft.com/office/drawing/2014/main" id="{27A0E8BD-4047-4F6C-B4D5-BA96595D01D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243076" y="3799374"/>
            <a:ext cx="0" cy="0"/>
          </a:xfrm>
          <a:prstGeom prst="rect">
            <a:avLst/>
          </a:prstGeom>
          <a:solidFill>
            <a:srgbClr val="A5A5A5">
              <a:alpha val="24706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0" name="OTLSHAPE_SL2A_4d4c772c45dd437aad5b56c732c9aed1_Header" hidden="1">
            <a:extLst>
              <a:ext uri="{FF2B5EF4-FFF2-40B4-BE49-F238E27FC236}">
                <a16:creationId xmlns:a16="http://schemas.microsoft.com/office/drawing/2014/main" id="{73F9DA9B-CC3C-4F46-9F4E-89B88A301CE1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2700" y="-14107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latin typeface="Calibri" panose="020F0502020204030204" pitchFamily="34" charset="0"/>
            </a:endParaRPr>
          </a:p>
        </p:txBody>
      </p:sp>
      <p:sp>
        <p:nvSpPr>
          <p:cNvPr id="551" name="OTLSHAPE_SL2A_e3aba02228cc40df8fbeecc05cc2ad4f_Header" hidden="1">
            <a:extLst>
              <a:ext uri="{FF2B5EF4-FFF2-40B4-BE49-F238E27FC236}">
                <a16:creationId xmlns:a16="http://schemas.microsoft.com/office/drawing/2014/main" id="{E3341C59-C82E-4363-91E5-DBC897149F02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2700" y="-14107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latin typeface="Calibri" panose="020F0502020204030204" pitchFamily="34" charset="0"/>
            </a:endParaRPr>
          </a:p>
        </p:txBody>
      </p:sp>
      <p:sp>
        <p:nvSpPr>
          <p:cNvPr id="562" name="OTLSHAPE_SL2A_7b7b19bc04fd4e8893e03a0125e94799_Header" hidden="1">
            <a:extLst>
              <a:ext uri="{FF2B5EF4-FFF2-40B4-BE49-F238E27FC236}">
                <a16:creationId xmlns:a16="http://schemas.microsoft.com/office/drawing/2014/main" id="{5DAD79A1-0E54-41E3-BB6D-AEBBF3942BB1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2700" y="-14107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latin typeface="Calibri" panose="020F0502020204030204" pitchFamily="34" charset="0"/>
            </a:endParaRPr>
          </a:p>
        </p:txBody>
      </p:sp>
      <p:sp>
        <p:nvSpPr>
          <p:cNvPr id="573" name="OTLSHAPE_SL2A_d6ba0da0c1574e068d0faafa8da7ce93_Header" hidden="1">
            <a:extLst>
              <a:ext uri="{FF2B5EF4-FFF2-40B4-BE49-F238E27FC236}">
                <a16:creationId xmlns:a16="http://schemas.microsoft.com/office/drawing/2014/main" id="{1AC58C7C-F46F-4B5C-AAF0-9FC96802006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2700" y="-14107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latin typeface="Calibri" panose="020F0502020204030204" pitchFamily="34" charset="0"/>
            </a:endParaRPr>
          </a:p>
        </p:txBody>
      </p:sp>
      <p:sp>
        <p:nvSpPr>
          <p:cNvPr id="584" name="OTLSHAPE_SL2A_ac3c18781fc1460b9bf44ba454fe7be8_Header" hidden="1">
            <a:extLst>
              <a:ext uri="{FF2B5EF4-FFF2-40B4-BE49-F238E27FC236}">
                <a16:creationId xmlns:a16="http://schemas.microsoft.com/office/drawing/2014/main" id="{70E568FB-FAC2-465F-AAB6-973CABEE5E8F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00" y="-14107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latin typeface="Calibri" panose="020F0502020204030204" pitchFamily="34" charset="0"/>
            </a:endParaRPr>
          </a:p>
        </p:txBody>
      </p:sp>
      <p:sp>
        <p:nvSpPr>
          <p:cNvPr id="545" name="OTLSHAPE_SLT_908ded5677414805a6a4a84de3f274ee_TextPercentage" hidden="1">
            <a:extLst>
              <a:ext uri="{FF2B5EF4-FFF2-40B4-BE49-F238E27FC236}">
                <a16:creationId xmlns:a16="http://schemas.microsoft.com/office/drawing/2014/main" id="{C083D622-6DFA-4C54-9BB4-D53AAD3B78B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-341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56" name="OTLSHAPE_SLT_2ad5a2e1b09c493bae3a7cce038bdb2b_TextPercentage" hidden="1">
            <a:extLst>
              <a:ext uri="{FF2B5EF4-FFF2-40B4-BE49-F238E27FC236}">
                <a16:creationId xmlns:a16="http://schemas.microsoft.com/office/drawing/2014/main" id="{9A224763-A47C-4E0F-9FE2-A61CC05A1EDF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-341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67" name="OTLSHAPE_SLT_2d7c5970b59a4a33a61c312465d67646_TextPercentage" hidden="1">
            <a:extLst>
              <a:ext uri="{FF2B5EF4-FFF2-40B4-BE49-F238E27FC236}">
                <a16:creationId xmlns:a16="http://schemas.microsoft.com/office/drawing/2014/main" id="{E391B186-2AA6-44C6-9496-71807AE81710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341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SLT_e3455a2298ff41c7b6a8533466e4599f_TextPercentage" hidden="1">
            <a:extLst>
              <a:ext uri="{FF2B5EF4-FFF2-40B4-BE49-F238E27FC236}">
                <a16:creationId xmlns:a16="http://schemas.microsoft.com/office/drawing/2014/main" id="{9DA06448-2BE7-41E3-8573-62075BBD72D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-341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89" name="OTLSHAPE_SLT_7437aa9ada934e1ea22fdbbf1d8ece52_TextPercentage" hidden="1">
            <a:extLst>
              <a:ext uri="{FF2B5EF4-FFF2-40B4-BE49-F238E27FC236}">
                <a16:creationId xmlns:a16="http://schemas.microsoft.com/office/drawing/2014/main" id="{79AB7B86-E8E9-4A7F-8AFB-AB3AF773A3E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-341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607D28C6-714B-4BBB-B72F-2503545FD2BD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2169" y="2722572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>
                <a:solidFill>
                  <a:srgbClr val="79A8A4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544" name="OTLSHAPE_SLT_908ded5677414805a6a4a84de3f274ee_Duration" hidden="1">
            <a:extLst>
              <a:ext uri="{FF2B5EF4-FFF2-40B4-BE49-F238E27FC236}">
                <a16:creationId xmlns:a16="http://schemas.microsoft.com/office/drawing/2014/main" id="{0287BEF6-4722-4516-B51D-E01F5854BC1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997597" y="232136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ED7D31"/>
                </a:solidFill>
                <a:latin typeface="Calibri" panose="020F0502020204030204" pitchFamily="34" charset="0"/>
              </a:rPr>
              <a:t>170 days</a:t>
            </a:r>
          </a:p>
        </p:txBody>
      </p:sp>
      <p:sp>
        <p:nvSpPr>
          <p:cNvPr id="555" name="OTLSHAPE_SLT_2ad5a2e1b09c493bae3a7cce038bdb2b_Duration" hidden="1">
            <a:extLst>
              <a:ext uri="{FF2B5EF4-FFF2-40B4-BE49-F238E27FC236}">
                <a16:creationId xmlns:a16="http://schemas.microsoft.com/office/drawing/2014/main" id="{8CF0E68E-CD78-4679-86DB-E79322BDD71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356263" y="27386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ED7D31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577" name="OTLSHAPE_SLT_e3455a2298ff41c7b6a8533466e4599f_Duration" hidden="1">
            <a:extLst>
              <a:ext uri="{FF2B5EF4-FFF2-40B4-BE49-F238E27FC236}">
                <a16:creationId xmlns:a16="http://schemas.microsoft.com/office/drawing/2014/main" id="{6D67248D-C9BD-4E87-BF7A-06B953143769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844945" y="348497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ED7D31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588" name="OTLSHAPE_SLT_7437aa9ada934e1ea22fdbbf1d8ece52_Duration" hidden="1">
            <a:extLst>
              <a:ext uri="{FF2B5EF4-FFF2-40B4-BE49-F238E27FC236}">
                <a16:creationId xmlns:a16="http://schemas.microsoft.com/office/drawing/2014/main" id="{2F34D32D-C014-4633-92A7-D7F1D52F1BD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917575" y="3967957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ED7D31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559" name="OTLSHAPE_SLT_2ad5a2e1b09c493bae3a7cce038bdb2b_JoinedDate" hidden="1">
            <a:extLst>
              <a:ext uri="{FF2B5EF4-FFF2-40B4-BE49-F238E27FC236}">
                <a16:creationId xmlns:a16="http://schemas.microsoft.com/office/drawing/2014/main" id="{A10F498C-6FAD-49C0-BB4A-9EAFFFD61A5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746699" y="2668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SLT_2d7c5970b59a4a33a61c312465d67646_JoinedDate" hidden="1">
            <a:extLst>
              <a:ext uri="{FF2B5EF4-FFF2-40B4-BE49-F238E27FC236}">
                <a16:creationId xmlns:a16="http://schemas.microsoft.com/office/drawing/2014/main" id="{3D17980C-332E-484E-9FE5-615AB0034F4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168332" y="29737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48" name="OTLSHAPE_SLT_908ded5677414805a6a4a84de3f274ee_JoinedDate" hidden="1">
            <a:extLst>
              <a:ext uri="{FF2B5EF4-FFF2-40B4-BE49-F238E27FC236}">
                <a16:creationId xmlns:a16="http://schemas.microsoft.com/office/drawing/2014/main" id="{CB089D5A-65BA-4027-B0EE-4FD28CA70EC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34609" y="24411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2" name="OTLSHAPE_SLT_7437aa9ada934e1ea22fdbbf1d8ece52_JoinedDate" hidden="1">
            <a:extLst>
              <a:ext uri="{FF2B5EF4-FFF2-40B4-BE49-F238E27FC236}">
                <a16:creationId xmlns:a16="http://schemas.microsoft.com/office/drawing/2014/main" id="{DE4FAB9C-34A8-4E66-B31B-6F9F49CECD3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726006" y="388343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BC4B94EF-2C57-4CCB-A351-8A8E8AE3020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374267" y="1152525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>
            <a:extLst>
              <a:ext uri="{FF2B5EF4-FFF2-40B4-BE49-F238E27FC236}">
                <a16:creationId xmlns:a16="http://schemas.microsoft.com/office/drawing/2014/main" id="{E5413186-1622-482F-9FAE-800E1DE9211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15333" y="111019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4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1" name="OTLSHAPE_SLT_e3455a2298ff41c7b6a8533466e4599f_JoinedDate" hidden="1">
            <a:extLst>
              <a:ext uri="{FF2B5EF4-FFF2-40B4-BE49-F238E27FC236}">
                <a16:creationId xmlns:a16="http://schemas.microsoft.com/office/drawing/2014/main" id="{94E174B3-C82D-4125-9EAA-C08F582603B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005985" y="40374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13" name="OTLSHAPE_SLT_908ded5677414805a6a4a84de3f274ee_ShapePercentage" hidden="1">
            <a:extLst>
              <a:ext uri="{FF2B5EF4-FFF2-40B4-BE49-F238E27FC236}">
                <a16:creationId xmlns:a16="http://schemas.microsoft.com/office/drawing/2014/main" id="{5CD3E905-FFFA-447A-AF3F-80FEB929F06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740388" y="1595162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" name="OTLSHAPE_SLT_e3455a2298ff41c7b6a8533466e4599f_ShapePercentage" hidden="1">
            <a:extLst>
              <a:ext uri="{FF2B5EF4-FFF2-40B4-BE49-F238E27FC236}">
                <a16:creationId xmlns:a16="http://schemas.microsoft.com/office/drawing/2014/main" id="{CEE3714F-9249-4C42-853D-094BAD914A2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283035" y="353267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" name="OTLSHAPE_SLT_7437aa9ada934e1ea22fdbbf1d8ece52_ShapePercentage" hidden="1">
            <a:extLst>
              <a:ext uri="{FF2B5EF4-FFF2-40B4-BE49-F238E27FC236}">
                <a16:creationId xmlns:a16="http://schemas.microsoft.com/office/drawing/2014/main" id="{C1491EFF-6CE6-4760-B6E7-1913444BE6F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19908" y="4178512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" name="OTLSHAPE_SLT_2ad5a2e1b09c493bae3a7cce038bdb2b_ShapePercentage" hidden="1">
            <a:extLst>
              <a:ext uri="{FF2B5EF4-FFF2-40B4-BE49-F238E27FC236}">
                <a16:creationId xmlns:a16="http://schemas.microsoft.com/office/drawing/2014/main" id="{B655D664-5891-4214-B458-2237E58D678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209290" y="22410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" name="OTLSHAPE_SLT_2d7c5970b59a4a33a61c312465d67646_ShapePercentage" hidden="1">
            <a:extLst>
              <a:ext uri="{FF2B5EF4-FFF2-40B4-BE49-F238E27FC236}">
                <a16:creationId xmlns:a16="http://schemas.microsoft.com/office/drawing/2014/main" id="{18181232-0D53-415F-B6C9-DFC12FDC9EC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246163" y="288683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SLT_2d7c5970b59a4a33a61c312465d67646_Duration" hidden="1">
            <a:extLst>
              <a:ext uri="{FF2B5EF4-FFF2-40B4-BE49-F238E27FC236}">
                <a16:creationId xmlns:a16="http://schemas.microsoft.com/office/drawing/2014/main" id="{74DADCC5-F199-49CD-8688-6AF20C51BD2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689286" y="3036599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ED7D31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30" name="OTLSHAPE_SL_9c312ed1d61149a29af3b500010e5355_BackgroundRectangle">
            <a:extLst>
              <a:ext uri="{FF2B5EF4-FFF2-40B4-BE49-F238E27FC236}">
                <a16:creationId xmlns:a16="http://schemas.microsoft.com/office/drawing/2014/main" id="{C90747D0-15CB-4FB4-BE0E-1DF45A54917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3500" y="1216025"/>
            <a:ext cx="8077200" cy="620437"/>
          </a:xfrm>
          <a:prstGeom prst="rect">
            <a:avLst/>
          </a:prstGeom>
          <a:solidFill>
            <a:srgbClr val="FFC000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_2ad14c417e914ea28bd270b1548b788e_BackgroundRectangle">
            <a:extLst>
              <a:ext uri="{FF2B5EF4-FFF2-40B4-BE49-F238E27FC236}">
                <a16:creationId xmlns:a16="http://schemas.microsoft.com/office/drawing/2014/main" id="{79B031E3-2469-41FA-B148-80AA2812A3E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3500" y="1861862"/>
            <a:ext cx="8077200" cy="620437"/>
          </a:xfrm>
          <a:prstGeom prst="rect">
            <a:avLst/>
          </a:prstGeom>
          <a:solidFill>
            <a:srgbClr val="70AD47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OTLSHAPE_SL_689fae00f0494b348c485b4ca99020b2_BackgroundRectangle">
            <a:extLst>
              <a:ext uri="{FF2B5EF4-FFF2-40B4-BE49-F238E27FC236}">
                <a16:creationId xmlns:a16="http://schemas.microsoft.com/office/drawing/2014/main" id="{9B1478A2-181B-43EE-B985-882A818A0F0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3500" y="2507700"/>
            <a:ext cx="8077200" cy="620437"/>
          </a:xfrm>
          <a:prstGeom prst="rect">
            <a:avLst/>
          </a:prstGeom>
          <a:solidFill>
            <a:srgbClr val="5B9BD5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_2d9aecd8e42e43d1a8197799efc41403_BackgroundRectangle">
            <a:extLst>
              <a:ext uri="{FF2B5EF4-FFF2-40B4-BE49-F238E27FC236}">
                <a16:creationId xmlns:a16="http://schemas.microsoft.com/office/drawing/2014/main" id="{F90D89A3-4C81-41DA-BD84-63D1D1F9D6C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3500" y="3153537"/>
            <a:ext cx="8077200" cy="620437"/>
          </a:xfrm>
          <a:prstGeom prst="rect">
            <a:avLst/>
          </a:prstGeom>
          <a:solidFill>
            <a:srgbClr val="ED7D31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" name="OTLSHAPE_SL_1698d6abb71240839d3a56b4ce2ebfe2_BackgroundRectangle">
            <a:extLst>
              <a:ext uri="{FF2B5EF4-FFF2-40B4-BE49-F238E27FC236}">
                <a16:creationId xmlns:a16="http://schemas.microsoft.com/office/drawing/2014/main" id="{CCE72CEC-D381-4730-AB43-D45368290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3500" y="3799374"/>
            <a:ext cx="8077200" cy="620437"/>
          </a:xfrm>
          <a:prstGeom prst="rect">
            <a:avLst/>
          </a:prstGeom>
          <a:solidFill>
            <a:srgbClr val="A5A5A5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1ED506E-EF2E-4C1B-AD8D-FC82CB8E30A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426534" y="822494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44">
                <a:solidFill>
                  <a:srgbClr val="79A8A4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31" name="OTLSHAPE_SL_9c312ed1d61149a29af3b500010e5355_HeaderRectangle">
            <a:extLst>
              <a:ext uri="{FF2B5EF4-FFF2-40B4-BE49-F238E27FC236}">
                <a16:creationId xmlns:a16="http://schemas.microsoft.com/office/drawing/2014/main" id="{63FE3BEE-929C-44B3-99D9-5CDAC25861F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3500" y="1216025"/>
            <a:ext cx="1181100" cy="620437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800"/>
          </a:p>
        </p:txBody>
      </p:sp>
      <p:sp>
        <p:nvSpPr>
          <p:cNvPr id="34" name="OTLSHAPE_SL_2ad14c417e914ea28bd270b1548b788e_HeaderRectangle">
            <a:extLst>
              <a:ext uri="{FF2B5EF4-FFF2-40B4-BE49-F238E27FC236}">
                <a16:creationId xmlns:a16="http://schemas.microsoft.com/office/drawing/2014/main" id="{DEA95D81-0A00-4D94-8911-FC9A3F09C78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3500" y="1861862"/>
            <a:ext cx="1181100" cy="620437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800" dirty="0">
              <a:latin typeface="Franklin Gothic Book" panose="020B0503020102020204" pitchFamily="34" charset="0"/>
            </a:endParaRPr>
          </a:p>
        </p:txBody>
      </p:sp>
      <p:sp>
        <p:nvSpPr>
          <p:cNvPr id="37" name="OTLSHAPE_SL_689fae00f0494b348c485b4ca99020b2_HeaderRectangle">
            <a:extLst>
              <a:ext uri="{FF2B5EF4-FFF2-40B4-BE49-F238E27FC236}">
                <a16:creationId xmlns:a16="http://schemas.microsoft.com/office/drawing/2014/main" id="{C69BDA5F-10EB-4CC5-AF1A-158E7726BCE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3500" y="2507700"/>
            <a:ext cx="1181100" cy="620437"/>
          </a:xfrm>
          <a:prstGeom prst="rect">
            <a:avLst/>
          </a:prstGeom>
          <a:solidFill>
            <a:srgbClr val="5B9BD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800"/>
          </a:p>
        </p:txBody>
      </p:sp>
      <p:sp>
        <p:nvSpPr>
          <p:cNvPr id="40" name="OTLSHAPE_SL_2d9aecd8e42e43d1a8197799efc41403_HeaderRectangle">
            <a:extLst>
              <a:ext uri="{FF2B5EF4-FFF2-40B4-BE49-F238E27FC236}">
                <a16:creationId xmlns:a16="http://schemas.microsoft.com/office/drawing/2014/main" id="{904001EE-2A44-4432-9779-B4DB8098085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3500" y="3153537"/>
            <a:ext cx="1181100" cy="620437"/>
          </a:xfrm>
          <a:prstGeom prst="rect">
            <a:avLst/>
          </a:prstGeom>
          <a:solidFill>
            <a:srgbClr val="ED7D3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800"/>
          </a:p>
        </p:txBody>
      </p:sp>
      <p:sp>
        <p:nvSpPr>
          <p:cNvPr id="43" name="OTLSHAPE_SL_1698d6abb71240839d3a56b4ce2ebfe2_HeaderRectangle">
            <a:extLst>
              <a:ext uri="{FF2B5EF4-FFF2-40B4-BE49-F238E27FC236}">
                <a16:creationId xmlns:a16="http://schemas.microsoft.com/office/drawing/2014/main" id="{4FC36EFA-981B-4E44-99A2-9046D10749D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3500" y="3799374"/>
            <a:ext cx="1181100" cy="620437"/>
          </a:xfrm>
          <a:prstGeom prst="rect">
            <a:avLst/>
          </a:prstGeom>
          <a:solidFill>
            <a:srgbClr val="A5A5A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800"/>
          </a:p>
        </p:txBody>
      </p:sp>
      <p:sp>
        <p:nvSpPr>
          <p:cNvPr id="752" name="OTLSHAPE_TB_00000000000000000000000000000000_ScaleContainer">
            <a:extLst>
              <a:ext uri="{FF2B5EF4-FFF2-40B4-BE49-F238E27FC236}">
                <a16:creationId xmlns:a16="http://schemas.microsoft.com/office/drawing/2014/main" id="{BB6F6847-359B-4D06-A13E-0F66FEE4FC8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04976" y="771525"/>
            <a:ext cx="70993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43" name="OTLSHAPE_G_00000000000000000000000000000000_ShapeBelow0">
            <a:extLst>
              <a:ext uri="{FF2B5EF4-FFF2-40B4-BE49-F238E27FC236}">
                <a16:creationId xmlns:a16="http://schemas.microsoft.com/office/drawing/2014/main" id="{5656119F-FDD8-443F-9D03-83F252CCFC2C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628977" y="1152525"/>
            <a:ext cx="0" cy="3267287"/>
          </a:xfrm>
          <a:prstGeom prst="line">
            <a:avLst/>
          </a:prstGeom>
          <a:ln w="5443" cap="flat" cmpd="sng" algn="ctr">
            <a:solidFill>
              <a:srgbClr val="D0CEC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4" name="OTLSHAPE_G_00000000000000000000000000000000_ShapeBelow1">
            <a:extLst>
              <a:ext uri="{FF2B5EF4-FFF2-40B4-BE49-F238E27FC236}">
                <a16:creationId xmlns:a16="http://schemas.microsoft.com/office/drawing/2014/main" id="{3B5D1A62-7B72-4E2B-8729-84F6A836B112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5881706" y="1152525"/>
            <a:ext cx="0" cy="3267287"/>
          </a:xfrm>
          <a:prstGeom prst="line">
            <a:avLst/>
          </a:prstGeom>
          <a:ln w="5443" cap="flat" cmpd="sng" algn="ctr">
            <a:solidFill>
              <a:srgbClr val="D0CEC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2" name="OTLSHAPE_SLT_908ded5677414805a6a4a84de3f274ee_Shape">
            <a:extLst>
              <a:ext uri="{FF2B5EF4-FFF2-40B4-BE49-F238E27FC236}">
                <a16:creationId xmlns:a16="http://schemas.microsoft.com/office/drawing/2014/main" id="{6B0B60F1-122D-4856-BE11-3A9D51C9AC6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740388" y="1595162"/>
            <a:ext cx="1473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4" name="OTLSHAPE_SLT_2ad5a2e1b09c493bae3a7cce038bdb2b_Shape">
            <a:extLst>
              <a:ext uri="{FF2B5EF4-FFF2-40B4-BE49-F238E27FC236}">
                <a16:creationId xmlns:a16="http://schemas.microsoft.com/office/drawing/2014/main" id="{8A6D2063-D425-4EF5-90DB-8F2A303363C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209290" y="2241000"/>
            <a:ext cx="1041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" name="OTLSHAPE_SLT_2d7c5970b59a4a33a61c312465d67646_Shape">
            <a:extLst>
              <a:ext uri="{FF2B5EF4-FFF2-40B4-BE49-F238E27FC236}">
                <a16:creationId xmlns:a16="http://schemas.microsoft.com/office/drawing/2014/main" id="{900BBDE2-42B7-4808-A0A0-1B519D4D96A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246163" y="2886837"/>
            <a:ext cx="1041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B9BD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" name="OTLSHAPE_SLT_e3455a2298ff41c7b6a8533466e4599f_Shape">
            <a:extLst>
              <a:ext uri="{FF2B5EF4-FFF2-40B4-BE49-F238E27FC236}">
                <a16:creationId xmlns:a16="http://schemas.microsoft.com/office/drawing/2014/main" id="{96D07C7E-43D9-4545-B4F5-8384E7AED06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283035" y="3532674"/>
            <a:ext cx="1041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" name="OTLSHAPE_SLT_7437aa9ada934e1ea22fdbbf1d8ece52_Shape">
            <a:extLst>
              <a:ext uri="{FF2B5EF4-FFF2-40B4-BE49-F238E27FC236}">
                <a16:creationId xmlns:a16="http://schemas.microsoft.com/office/drawing/2014/main" id="{F9AE871C-CF72-4629-BEF8-89F4F62607F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319908" y="4178512"/>
            <a:ext cx="1041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5A5A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3" name="OTLSHAPE_TB_00000000000000000000000000000000_ElapsedTime" hidden="1">
            <a:extLst>
              <a:ext uri="{FF2B5EF4-FFF2-40B4-BE49-F238E27FC236}">
                <a16:creationId xmlns:a16="http://schemas.microsoft.com/office/drawing/2014/main" id="{805DA2D5-8532-490A-BC09-A475580119C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204976" y="77152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9c312ed1d61149a29af3b500010e5355_Header">
            <a:extLst>
              <a:ext uri="{FF2B5EF4-FFF2-40B4-BE49-F238E27FC236}">
                <a16:creationId xmlns:a16="http://schemas.microsoft.com/office/drawing/2014/main" id="{C07BDACD-1BB9-4AF8-B44C-FAB8803686B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500" y="1247161"/>
            <a:ext cx="115695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Phase 1: </a:t>
            </a:r>
          </a:p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Planning and Data Preparation</a:t>
            </a:r>
          </a:p>
        </p:txBody>
      </p:sp>
      <p:sp>
        <p:nvSpPr>
          <p:cNvPr id="35" name="OTLSHAPE_SL_2ad14c417e914ea28bd270b1548b788e_Header">
            <a:extLst>
              <a:ext uri="{FF2B5EF4-FFF2-40B4-BE49-F238E27FC236}">
                <a16:creationId xmlns:a16="http://schemas.microsoft.com/office/drawing/2014/main" id="{5686F308-C5C3-4CCA-9FF2-F9692DC1EDF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1892999"/>
            <a:ext cx="1181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Phase 2: </a:t>
            </a:r>
          </a:p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Model Development</a:t>
            </a:r>
          </a:p>
        </p:txBody>
      </p:sp>
      <p:sp>
        <p:nvSpPr>
          <p:cNvPr id="38" name="OTLSHAPE_SL_689fae00f0494b348c485b4ca99020b2_Header">
            <a:extLst>
              <a:ext uri="{FF2B5EF4-FFF2-40B4-BE49-F238E27FC236}">
                <a16:creationId xmlns:a16="http://schemas.microsoft.com/office/drawing/2014/main" id="{B8237531-CA08-4405-8015-3AE7389FED2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2631863"/>
            <a:ext cx="118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latin typeface="Calibri" panose="020F0502020204030204" pitchFamily="34" charset="0"/>
              </a:rPr>
              <a:t>Phase 3: Implementation</a:t>
            </a:r>
          </a:p>
        </p:txBody>
      </p:sp>
      <p:sp>
        <p:nvSpPr>
          <p:cNvPr id="41" name="OTLSHAPE_SL_2d9aecd8e42e43d1a8197799efc41403_Header">
            <a:extLst>
              <a:ext uri="{FF2B5EF4-FFF2-40B4-BE49-F238E27FC236}">
                <a16:creationId xmlns:a16="http://schemas.microsoft.com/office/drawing/2014/main" id="{E2B73E1E-A5AA-455E-822D-BCDC202755C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3184673"/>
            <a:ext cx="1181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rgbClr val="171E24"/>
                </a:solidFill>
                <a:latin typeface="Calibri" panose="020F0502020204030204" pitchFamily="34" charset="0"/>
              </a:rPr>
              <a:t>Phase 4: Deployment and Monitoring</a:t>
            </a:r>
          </a:p>
        </p:txBody>
      </p:sp>
      <p:sp>
        <p:nvSpPr>
          <p:cNvPr id="44" name="OTLSHAPE_SL_1698d6abb71240839d3a56b4ce2ebfe2_Header">
            <a:extLst>
              <a:ext uri="{FF2B5EF4-FFF2-40B4-BE49-F238E27FC236}">
                <a16:creationId xmlns:a16="http://schemas.microsoft.com/office/drawing/2014/main" id="{93215161-57F7-4EB0-87F5-77D1ACE1965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3830510"/>
            <a:ext cx="1181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rgbClr val="331E1C"/>
                </a:solidFill>
                <a:latin typeface="Calibri" panose="020F0502020204030204" pitchFamily="34" charset="0"/>
              </a:rPr>
              <a:t>Phase 5: Evaluation and Optimization</a:t>
            </a:r>
          </a:p>
        </p:txBody>
      </p:sp>
      <p:sp>
        <p:nvSpPr>
          <p:cNvPr id="546" name="OTLSHAPE_SLT_908ded5677414805a6a4a84de3f274ee_StartDate">
            <a:extLst>
              <a:ext uri="{FF2B5EF4-FFF2-40B4-BE49-F238E27FC236}">
                <a16:creationId xmlns:a16="http://schemas.microsoft.com/office/drawing/2014/main" id="{6959D20A-1216-44F6-91AA-00B8C2920B6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382798" y="161925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547" name="OTLSHAPE_SLT_908ded5677414805a6a4a84de3f274ee_EndDate">
            <a:extLst>
              <a:ext uri="{FF2B5EF4-FFF2-40B4-BE49-F238E27FC236}">
                <a16:creationId xmlns:a16="http://schemas.microsoft.com/office/drawing/2014/main" id="{99E4A5F1-791E-494F-8D41-DF0841A6E81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310886" y="161925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Oct 24</a:t>
            </a:r>
          </a:p>
        </p:txBody>
      </p:sp>
      <p:sp>
        <p:nvSpPr>
          <p:cNvPr id="557" name="OTLSHAPE_SLT_2ad5a2e1b09c493bae3a7cce038bdb2b_StartDate">
            <a:extLst>
              <a:ext uri="{FF2B5EF4-FFF2-40B4-BE49-F238E27FC236}">
                <a16:creationId xmlns:a16="http://schemas.microsoft.com/office/drawing/2014/main" id="{7BF0A6D3-9335-4A39-AFC9-2EB5D3988E8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723677" y="226508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Oct 25</a:t>
            </a:r>
          </a:p>
        </p:txBody>
      </p:sp>
      <p:sp>
        <p:nvSpPr>
          <p:cNvPr id="558" name="OTLSHAPE_SLT_2ad5a2e1b09c493bae3a7cce038bdb2b_EndDate">
            <a:extLst>
              <a:ext uri="{FF2B5EF4-FFF2-40B4-BE49-F238E27FC236}">
                <a16:creationId xmlns:a16="http://schemas.microsoft.com/office/drawing/2014/main" id="{41E3F47D-D86E-4971-A5BF-9E62A94BA14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347759" y="226508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pr 10</a:t>
            </a:r>
          </a:p>
        </p:txBody>
      </p:sp>
      <p:sp>
        <p:nvSpPr>
          <p:cNvPr id="568" name="OTLSHAPE_SLT_2d7c5970b59a4a33a61c312465d67646_StartDate">
            <a:extLst>
              <a:ext uri="{FF2B5EF4-FFF2-40B4-BE49-F238E27FC236}">
                <a16:creationId xmlns:a16="http://schemas.microsoft.com/office/drawing/2014/main" id="{FB34ED8B-F4DD-4E6A-8DFC-6F2ADD09CEA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756401" y="291092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pr 11</a:t>
            </a:r>
          </a:p>
        </p:txBody>
      </p:sp>
      <p:sp>
        <p:nvSpPr>
          <p:cNvPr id="569" name="OTLSHAPE_SLT_2d7c5970b59a4a33a61c312465d67646_EndDate">
            <a:extLst>
              <a:ext uri="{FF2B5EF4-FFF2-40B4-BE49-F238E27FC236}">
                <a16:creationId xmlns:a16="http://schemas.microsoft.com/office/drawing/2014/main" id="{8D475748-3DF1-4DF0-ABF6-E4F2011EA1A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384631" y="291092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579" name="OTLSHAPE_SLT_e3455a2298ff41c7b6a8533466e4599f_StartDate">
            <a:extLst>
              <a:ext uri="{FF2B5EF4-FFF2-40B4-BE49-F238E27FC236}">
                <a16:creationId xmlns:a16="http://schemas.microsoft.com/office/drawing/2014/main" id="{0198DF58-59BA-47CA-B3B3-B7D85235950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789505" y="355676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Sep 26</a:t>
            </a:r>
          </a:p>
        </p:txBody>
      </p:sp>
      <p:sp>
        <p:nvSpPr>
          <p:cNvPr id="580" name="OTLSHAPE_SLT_e3455a2298ff41c7b6a8533466e4599f_EndDate">
            <a:extLst>
              <a:ext uri="{FF2B5EF4-FFF2-40B4-BE49-F238E27FC236}">
                <a16:creationId xmlns:a16="http://schemas.microsoft.com/office/drawing/2014/main" id="{62EE56D6-3735-41B3-87AC-CB2F0D7B021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421503" y="355676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Mar 12</a:t>
            </a:r>
          </a:p>
        </p:txBody>
      </p:sp>
      <p:sp>
        <p:nvSpPr>
          <p:cNvPr id="590" name="OTLSHAPE_SLT_7437aa9ada934e1ea22fdbbf1d8ece52_StartDate">
            <a:extLst>
              <a:ext uri="{FF2B5EF4-FFF2-40B4-BE49-F238E27FC236}">
                <a16:creationId xmlns:a16="http://schemas.microsoft.com/office/drawing/2014/main" id="{950A6484-6C24-4488-BAA0-E468A0089B7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800935" y="4202599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Mar 13</a:t>
            </a:r>
          </a:p>
        </p:txBody>
      </p:sp>
      <p:sp>
        <p:nvSpPr>
          <p:cNvPr id="591" name="OTLSHAPE_SLT_7437aa9ada934e1ea22fdbbf1d8ece52_EndDate">
            <a:extLst>
              <a:ext uri="{FF2B5EF4-FFF2-40B4-BE49-F238E27FC236}">
                <a16:creationId xmlns:a16="http://schemas.microsoft.com/office/drawing/2014/main" id="{23CCA5DB-8BFE-49CA-A564-9C590B59E44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407576" y="420259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ug 27</a:t>
            </a:r>
          </a:p>
        </p:txBody>
      </p:sp>
      <p:sp>
        <p:nvSpPr>
          <p:cNvPr id="549" name="OTLSHAPE_SLT_908ded5677414805a6a4a84de3f274ee_Title">
            <a:extLst>
              <a:ext uri="{FF2B5EF4-FFF2-40B4-BE49-F238E27FC236}">
                <a16:creationId xmlns:a16="http://schemas.microsoft.com/office/drawing/2014/main" id="{FF1847AC-5279-41F5-B4E8-E609A3CA210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740388" y="1254125"/>
            <a:ext cx="2819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latin typeface="Calibri" panose="020F0502020204030204" pitchFamily="34" charset="0"/>
              </a:rPr>
              <a:t>Project Definition, Data Collection and Cleaning, Exploratory Data Analysis</a:t>
            </a:r>
          </a:p>
        </p:txBody>
      </p:sp>
      <p:sp>
        <p:nvSpPr>
          <p:cNvPr id="560" name="OTLSHAPE_SLT_2ad5a2e1b09c493bae3a7cce038bdb2b_Title">
            <a:extLst>
              <a:ext uri="{FF2B5EF4-FFF2-40B4-BE49-F238E27FC236}">
                <a16:creationId xmlns:a16="http://schemas.microsoft.com/office/drawing/2014/main" id="{9FFFE72B-BEC2-47D3-8B2A-5C093B31274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209290" y="1899962"/>
            <a:ext cx="4279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 dirty="0">
                <a:latin typeface="Calibri" panose="020F0502020204030204" pitchFamily="34" charset="0"/>
              </a:rPr>
              <a:t>Feature Engineering, Model Selection, Training, Validation and Evaluation Metrics</a:t>
            </a:r>
          </a:p>
        </p:txBody>
      </p:sp>
      <p:sp>
        <p:nvSpPr>
          <p:cNvPr id="571" name="OTLSHAPE_SLT_2d7c5970b59a4a33a61c312465d67646_Title">
            <a:extLst>
              <a:ext uri="{FF2B5EF4-FFF2-40B4-BE49-F238E27FC236}">
                <a16:creationId xmlns:a16="http://schemas.microsoft.com/office/drawing/2014/main" id="{B2D67236-AAE3-47F6-BE22-E4C18AB792E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246163" y="2545800"/>
            <a:ext cx="2959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latin typeface="Calibri" panose="020F0502020204030204" pitchFamily="34" charset="0"/>
              </a:rPr>
              <a:t>Integration with Existing Systems, Testing and User Training</a:t>
            </a:r>
          </a:p>
        </p:txBody>
      </p:sp>
      <p:sp>
        <p:nvSpPr>
          <p:cNvPr id="582" name="OTLSHAPE_SLT_e3455a2298ff41c7b6a8533466e4599f_Title">
            <a:extLst>
              <a:ext uri="{FF2B5EF4-FFF2-40B4-BE49-F238E27FC236}">
                <a16:creationId xmlns:a16="http://schemas.microsoft.com/office/drawing/2014/main" id="{C72892C1-A944-458F-8451-1344F52662E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283035" y="3191637"/>
            <a:ext cx="2781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latin typeface="Calibri" panose="020F0502020204030204" pitchFamily="34" charset="0"/>
              </a:rPr>
              <a:t>Initial Deployment, Continuous Monitoring and Improvement</a:t>
            </a:r>
          </a:p>
        </p:txBody>
      </p:sp>
      <p:sp>
        <p:nvSpPr>
          <p:cNvPr id="593" name="OTLSHAPE_SLT_7437aa9ada934e1ea22fdbbf1d8ece52_Title">
            <a:extLst>
              <a:ext uri="{FF2B5EF4-FFF2-40B4-BE49-F238E27FC236}">
                <a16:creationId xmlns:a16="http://schemas.microsoft.com/office/drawing/2014/main" id="{18314154-B69F-43B0-BEB9-E7EC2A69010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19908" y="3837474"/>
            <a:ext cx="1485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latin typeface="Calibri" panose="020F0502020204030204" pitchFamily="34" charset="0"/>
              </a:rPr>
              <a:t>Performance Review and Optimization</a:t>
            </a:r>
          </a:p>
        </p:txBody>
      </p:sp>
      <p:sp>
        <p:nvSpPr>
          <p:cNvPr id="663" name="OTLSHAPE_TB_00000000000000000000000000000000_TimescaleInterval1">
            <a:extLst>
              <a:ext uri="{FF2B5EF4-FFF2-40B4-BE49-F238E27FC236}">
                <a16:creationId xmlns:a16="http://schemas.microsoft.com/office/drawing/2014/main" id="{310DFDD4-B702-48BB-98BA-1B6C0154541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433576" y="822494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44" dirty="0">
                <a:solidFill>
                  <a:srgbClr val="FFFFFF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665" name="OTLSHAPE_TB_00000000000000000000000000000000_TimescaleInterval2">
            <a:extLst>
              <a:ext uri="{FF2B5EF4-FFF2-40B4-BE49-F238E27FC236}">
                <a16:creationId xmlns:a16="http://schemas.microsoft.com/office/drawing/2014/main" id="{4E6B40DF-3252-4A87-ACC5-5C4948C5B8C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92477" y="822494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44" dirty="0">
                <a:solidFill>
                  <a:srgbClr val="FFFFFF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667" name="OTLSHAPE_TB_00000000000000000000000000000000_TimescaleInterval3">
            <a:extLst>
              <a:ext uri="{FF2B5EF4-FFF2-40B4-BE49-F238E27FC236}">
                <a16:creationId xmlns:a16="http://schemas.microsoft.com/office/drawing/2014/main" id="{7D1E65AB-FA11-4EF6-AEB2-C40742957ED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945206" y="822494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800" spc="-44">
                <a:solidFill>
                  <a:srgbClr val="FFFFFF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664" name="OTLSHAPE_TB_00000000000000000000000000000000_Separator1">
            <a:extLst>
              <a:ext uri="{FF2B5EF4-FFF2-40B4-BE49-F238E27FC236}">
                <a16:creationId xmlns:a16="http://schemas.microsoft.com/office/drawing/2014/main" id="{69F0CF09-6954-441C-B3EA-7B716A328B79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3628977" y="835025"/>
            <a:ext cx="0" cy="254000"/>
          </a:xfrm>
          <a:prstGeom prst="line">
            <a:avLst/>
          </a:prstGeom>
          <a:ln w="5443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6" name="OTLSHAPE_TB_00000000000000000000000000000000_Separator2">
            <a:extLst>
              <a:ext uri="{FF2B5EF4-FFF2-40B4-BE49-F238E27FC236}">
                <a16:creationId xmlns:a16="http://schemas.microsoft.com/office/drawing/2014/main" id="{515C1CCC-6C79-4A8A-8288-837FE9B4B614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5881706" y="835025"/>
            <a:ext cx="0" cy="254000"/>
          </a:xfrm>
          <a:prstGeom prst="line">
            <a:avLst/>
          </a:prstGeom>
          <a:ln w="5443" cap="flat" cmpd="sng" algn="ctr">
            <a:solidFill>
              <a:srgbClr val="FFFFFF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8" name="OTLSHAPE_D_95e1bc481f0c494c800e92b481265733_Line">
            <a:extLst>
              <a:ext uri="{FF2B5EF4-FFF2-40B4-BE49-F238E27FC236}">
                <a16:creationId xmlns:a16="http://schemas.microsoft.com/office/drawing/2014/main" id="{5B613E98-D69F-4B0C-AE7D-4F68A90CC9CA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105946" y="1696762"/>
            <a:ext cx="160491" cy="645839"/>
          </a:xfrm>
          <a:custGeom>
            <a:avLst/>
            <a:gdLst/>
            <a:ahLst/>
            <a:cxnLst/>
            <a:rect l="0" t="0" r="0" b="0"/>
            <a:pathLst>
              <a:path w="160491" h="645839">
                <a:moveTo>
                  <a:pt x="103340" y="0"/>
                </a:moveTo>
                <a:lnTo>
                  <a:pt x="160490" y="0"/>
                </a:lnTo>
                <a:lnTo>
                  <a:pt x="160490" y="120650"/>
                </a:lnTo>
                <a:lnTo>
                  <a:pt x="0" y="120650"/>
                </a:lnTo>
                <a:lnTo>
                  <a:pt x="0" y="645838"/>
                </a:lnTo>
                <a:lnTo>
                  <a:pt x="103344" y="645838"/>
                </a:lnTo>
              </a:path>
            </a:pathLst>
          </a:custGeom>
          <a:ln w="12700" cap="flat" cmpd="sng" algn="ctr">
            <a:solidFill>
              <a:srgbClr val="000000"/>
            </a:solidFill>
            <a:prstDash val="solid"/>
            <a:round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9" name="OTLSHAPE_D_9a1c9240e3eb4f4182a2ab9a81f5d3fc_Line">
            <a:extLst>
              <a:ext uri="{FF2B5EF4-FFF2-40B4-BE49-F238E27FC236}">
                <a16:creationId xmlns:a16="http://schemas.microsoft.com/office/drawing/2014/main" id="{F0E4E73A-62CF-48CE-BCC1-BBE1A2A082F3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142819" y="2342600"/>
            <a:ext cx="160491" cy="645838"/>
          </a:xfrm>
          <a:custGeom>
            <a:avLst/>
            <a:gdLst/>
            <a:ahLst/>
            <a:cxnLst/>
            <a:rect l="0" t="0" r="0" b="0"/>
            <a:pathLst>
              <a:path w="160491" h="645838">
                <a:moveTo>
                  <a:pt x="103340" y="0"/>
                </a:moveTo>
                <a:lnTo>
                  <a:pt x="160490" y="0"/>
                </a:lnTo>
                <a:lnTo>
                  <a:pt x="160490" y="120650"/>
                </a:lnTo>
                <a:lnTo>
                  <a:pt x="0" y="120650"/>
                </a:lnTo>
                <a:lnTo>
                  <a:pt x="0" y="645837"/>
                </a:lnTo>
                <a:lnTo>
                  <a:pt x="103344" y="645837"/>
                </a:lnTo>
              </a:path>
            </a:pathLst>
          </a:custGeom>
          <a:ln w="12700" cap="flat" cmpd="sng" algn="ctr">
            <a:solidFill>
              <a:srgbClr val="000000"/>
            </a:solidFill>
            <a:prstDash val="solid"/>
            <a:round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0" name="OTLSHAPE_D_ba9b9e1401c64a9d9a771fb89f0b1f67_Line">
            <a:extLst>
              <a:ext uri="{FF2B5EF4-FFF2-40B4-BE49-F238E27FC236}">
                <a16:creationId xmlns:a16="http://schemas.microsoft.com/office/drawing/2014/main" id="{61C4C84D-B016-4FC4-BECD-63977290808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5179692" y="2988437"/>
            <a:ext cx="160490" cy="645838"/>
          </a:xfrm>
          <a:custGeom>
            <a:avLst/>
            <a:gdLst/>
            <a:ahLst/>
            <a:cxnLst/>
            <a:rect l="0" t="0" r="0" b="0"/>
            <a:pathLst>
              <a:path w="160490" h="645838">
                <a:moveTo>
                  <a:pt x="103339" y="0"/>
                </a:moveTo>
                <a:lnTo>
                  <a:pt x="160489" y="0"/>
                </a:lnTo>
                <a:lnTo>
                  <a:pt x="160489" y="120650"/>
                </a:lnTo>
                <a:lnTo>
                  <a:pt x="0" y="120650"/>
                </a:lnTo>
                <a:lnTo>
                  <a:pt x="0" y="645837"/>
                </a:lnTo>
                <a:lnTo>
                  <a:pt x="103343" y="645837"/>
                </a:lnTo>
              </a:path>
            </a:pathLst>
          </a:custGeom>
          <a:ln w="12700" cap="flat" cmpd="sng" algn="ctr">
            <a:solidFill>
              <a:srgbClr val="000000"/>
            </a:solidFill>
            <a:prstDash val="solid"/>
            <a:round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1" name="OTLSHAPE_D_8542da61f33247ebb2c93bed7688f34e_Line">
            <a:extLst>
              <a:ext uri="{FF2B5EF4-FFF2-40B4-BE49-F238E27FC236}">
                <a16:creationId xmlns:a16="http://schemas.microsoft.com/office/drawing/2014/main" id="{19911742-6870-49D8-A972-B1BAA19958C1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6216564" y="3634274"/>
            <a:ext cx="160490" cy="645839"/>
          </a:xfrm>
          <a:custGeom>
            <a:avLst/>
            <a:gdLst/>
            <a:ahLst/>
            <a:cxnLst/>
            <a:rect l="0" t="0" r="0" b="0"/>
            <a:pathLst>
              <a:path w="160490" h="645839">
                <a:moveTo>
                  <a:pt x="103339" y="0"/>
                </a:moveTo>
                <a:lnTo>
                  <a:pt x="160489" y="0"/>
                </a:lnTo>
                <a:lnTo>
                  <a:pt x="160489" y="120650"/>
                </a:lnTo>
                <a:lnTo>
                  <a:pt x="0" y="120650"/>
                </a:lnTo>
                <a:lnTo>
                  <a:pt x="0" y="645838"/>
                </a:lnTo>
                <a:lnTo>
                  <a:pt x="103344" y="645838"/>
                </a:lnTo>
              </a:path>
            </a:pathLst>
          </a:custGeom>
          <a:ln w="12700" cap="flat" cmpd="sng" algn="ctr">
            <a:solidFill>
              <a:srgbClr val="000000"/>
            </a:solidFill>
            <a:prstDash val="solid"/>
            <a:round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2" name="Google Shape;328;p57">
            <a:extLst>
              <a:ext uri="{FF2B5EF4-FFF2-40B4-BE49-F238E27FC236}">
                <a16:creationId xmlns:a16="http://schemas.microsoft.com/office/drawing/2014/main" id="{DA125825-8312-48B8-8043-176E24B55AA1}"/>
              </a:ext>
            </a:extLst>
          </p:cNvPr>
          <p:cNvSpPr txBox="1">
            <a:spLocks/>
          </p:cNvSpPr>
          <p:nvPr/>
        </p:nvSpPr>
        <p:spPr>
          <a:xfrm>
            <a:off x="0" y="-165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>
              <a:buSzPts val="2800"/>
            </a:pPr>
            <a:r>
              <a:rPr lang="en-US" sz="2400" b="1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EPLOYMENT TIMELINE</a:t>
            </a:r>
            <a:endParaRPr lang="en-US" sz="2400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DFCBF1D-FD1C-45DE-85BA-0C300DDDF16A}"/>
              </a:ext>
            </a:extLst>
          </p:cNvPr>
          <p:cNvSpPr txBox="1"/>
          <p:nvPr/>
        </p:nvSpPr>
        <p:spPr>
          <a:xfrm>
            <a:off x="208547" y="4620126"/>
            <a:ext cx="852058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i="1" dirty="0"/>
              <a:t>NOTE: </a:t>
            </a:r>
            <a:r>
              <a:rPr lang="en-US" sz="1200" dirty="0"/>
              <a:t>This is just a proposal. It can be adjusted according to needs and requirements</a:t>
            </a:r>
          </a:p>
        </p:txBody>
      </p:sp>
      <p:pic>
        <p:nvPicPr>
          <p:cNvPr id="91" name="Google Shape;327;p57">
            <a:extLst>
              <a:ext uri="{FF2B5EF4-FFF2-40B4-BE49-F238E27FC236}">
                <a16:creationId xmlns:a16="http://schemas.microsoft.com/office/drawing/2014/main" id="{302B13AA-C238-443E-8676-22BE0AE4D5CA}"/>
              </a:ext>
            </a:extLst>
          </p:cNvPr>
          <p:cNvPicPr preferRelativeResize="0"/>
          <p:nvPr/>
        </p:nvPicPr>
        <p:blipFill rotWithShape="1">
          <a:blip r:embed="rId90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83842245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7" name="Google Shape;327;p57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  <p:sp>
        <p:nvSpPr>
          <p:cNvPr id="328" name="Google Shape;328;p57"/>
          <p:cNvSpPr txBox="1">
            <a:spLocks noGrp="1"/>
          </p:cNvSpPr>
          <p:nvPr>
            <p:ph type="title"/>
          </p:nvPr>
        </p:nvSpPr>
        <p:spPr>
          <a:xfrm>
            <a:off x="0" y="-165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EPLOYMENT CH</a:t>
            </a:r>
            <a:r>
              <a:rPr lang="en-US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ALLENGES AND SOLUTIONS</a:t>
            </a:r>
            <a:endParaRPr sz="2400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68FB1C45-4583-4CDB-AD2E-A0484A53146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470969800"/>
              </p:ext>
            </p:extLst>
          </p:nvPr>
        </p:nvGraphicFramePr>
        <p:xfrm>
          <a:off x="495384" y="567466"/>
          <a:ext cx="7475950" cy="400856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  <p:extLst>
      <p:ext uri="{BB962C8B-B14F-4D97-AF65-F5344CB8AC3E}">
        <p14:creationId xmlns:p14="http://schemas.microsoft.com/office/powerpoint/2010/main" val="845229337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>
        <mc:Choice xmlns:a14="http://schemas.microsoft.com/office/drawing/2010/main" Requires="a14">
          <p:sp>
            <p:nvSpPr>
              <p:cNvPr id="333" name="Google Shape;333;p58"/>
              <p:cNvSpPr txBox="1">
                <a:spLocks noGrp="1"/>
              </p:cNvSpPr>
              <p:nvPr>
                <p:ph type="body" idx="1"/>
              </p:nvPr>
            </p:nvSpPr>
            <p:spPr>
              <a:xfrm>
                <a:off x="62522" y="437824"/>
                <a:ext cx="6634770" cy="3946611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91425" tIns="91425" rIns="91425" bIns="91425" anchor="t" anchorCtr="0">
                <a:noAutofit/>
              </a:bodyPr>
              <a:lstStyle/>
              <a:p>
                <a:pPr marL="114300" indent="0">
                  <a:buNone/>
                </a:pPr>
                <a:r>
                  <a:rPr lang="en-US" sz="1100" b="1" dirty="0">
                    <a:solidFill>
                      <a:schemeClr val="bg2">
                        <a:lumMod val="50000"/>
                      </a:schemeClr>
                    </a:solidFill>
                  </a:rPr>
                  <a:t>Calculation:</a:t>
                </a:r>
              </a:p>
              <a:p>
                <a:pPr marL="114300" indent="0">
                  <a:buNone/>
                </a:pPr>
                <a:endParaRPr lang="en-US" sz="200" b="1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b="1" dirty="0">
                    <a:solidFill>
                      <a:schemeClr val="bg2">
                        <a:lumMod val="50000"/>
                      </a:schemeClr>
                    </a:solidFill>
                  </a:rPr>
                  <a:t>Total Costs:</a:t>
                </a: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 </a:t>
                </a:r>
              </a:p>
              <a:p>
                <a:pPr marL="114300" indent="0">
                  <a:buNone/>
                </a:pPr>
                <a:endParaRPr lang="en-US" sz="2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Total Costs = Development Costs + Infrastructure Costs+ (Operational Costs × Project Duration) + Training Costs </a:t>
                </a:r>
              </a:p>
              <a:p>
                <a:pPr marL="114300" indent="0">
                  <a:buNone/>
                </a:pP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                   = </a:t>
                </a:r>
                <a:r>
                  <a:rPr lang="en-US" sz="900" b="1" dirty="0">
                    <a:solidFill>
                      <a:schemeClr val="bg2">
                        <a:lumMod val="50000"/>
                      </a:schemeClr>
                    </a:solidFill>
                  </a:rPr>
                  <a:t>$ 1,976,400</a:t>
                </a:r>
              </a:p>
              <a:p>
                <a:pPr marL="114300" indent="0">
                  <a:buNone/>
                </a:pPr>
                <a:endParaRPr lang="en-US" sz="9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b="1" dirty="0">
                    <a:solidFill>
                      <a:schemeClr val="bg2">
                        <a:lumMod val="50000"/>
                      </a:schemeClr>
                    </a:solidFill>
                  </a:rPr>
                  <a:t>Total Benefits:</a:t>
                </a: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 </a:t>
                </a:r>
              </a:p>
              <a:p>
                <a:pPr marL="114300" indent="0">
                  <a:buNone/>
                </a:pPr>
                <a:endParaRPr lang="en-US" sz="2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Total Benefits = Fraud Loss Reduction + Operational Efficiency Gains + Enhanced Reputation = </a:t>
                </a:r>
                <a:r>
                  <a:rPr lang="en-US" sz="900" b="1" dirty="0">
                    <a:solidFill>
                      <a:schemeClr val="bg2">
                        <a:lumMod val="50000"/>
                      </a:schemeClr>
                    </a:solidFill>
                  </a:rPr>
                  <a:t>$ 35,880,000</a:t>
                </a:r>
              </a:p>
              <a:p>
                <a:pPr marL="114300" indent="0">
                  <a:buNone/>
                </a:pPr>
                <a:endParaRPr lang="en-US" sz="9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i="1" dirty="0">
                    <a:solidFill>
                      <a:schemeClr val="bg2">
                        <a:lumMod val="50000"/>
                      </a:schemeClr>
                    </a:solidFill>
                  </a:rPr>
                  <a:t>(</a:t>
                </a:r>
                <a:r>
                  <a:rPr lang="en-US" sz="900" b="1" i="1" dirty="0">
                    <a:solidFill>
                      <a:schemeClr val="bg2">
                        <a:lumMod val="50000"/>
                      </a:schemeClr>
                    </a:solidFill>
                  </a:rPr>
                  <a:t>Note: </a:t>
                </a:r>
                <a:r>
                  <a:rPr lang="en-US" sz="900" i="1" dirty="0">
                    <a:solidFill>
                      <a:schemeClr val="bg2">
                        <a:lumMod val="50000"/>
                      </a:schemeClr>
                    </a:solidFill>
                  </a:rPr>
                  <a:t>The enhanced reputation may be challenging to quantify in monetary terms, but it contributes positively to overall benefits.)</a:t>
                </a:r>
              </a:p>
              <a:p>
                <a:pPr marL="114300" indent="0">
                  <a:buNone/>
                </a:pPr>
                <a:endParaRPr lang="en-US" sz="9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b="1" dirty="0">
                    <a:solidFill>
                      <a:schemeClr val="bg2">
                        <a:lumMod val="50000"/>
                      </a:schemeClr>
                    </a:solidFill>
                  </a:rPr>
                  <a:t>Net Present Value (NPV):</a:t>
                </a: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 </a:t>
                </a:r>
              </a:p>
              <a:p>
                <a:pPr marL="114300" indent="0">
                  <a:buNone/>
                </a:pPr>
                <a:endParaRPr lang="en-US" sz="2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NPV = Total Benefits − Total Costs  (Discount future values to present values and then subtract costs from benefits.)</a:t>
                </a:r>
              </a:p>
              <a:p>
                <a:pPr marL="11430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900" b="0" i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𝑁𝑃𝑉</m:t>
                      </m:r>
                      <m:r>
                        <a:rPr lang="en-US" sz="900" b="0" i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= </m:t>
                      </m:r>
                      <m:f>
                        <m:fPr>
                          <m:ctrlPr>
                            <a:rPr lang="en-US" sz="900" b="0" i="1" smtClean="0">
                              <a:solidFill>
                                <a:schemeClr val="bg2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900" b="0" i="1" smtClean="0">
                              <a:solidFill>
                                <a:schemeClr val="bg2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𝐶𝑎𝑠h</m:t>
                          </m:r>
                          <m:r>
                            <a:rPr lang="en-US" sz="900" b="0" i="1" smtClean="0">
                              <a:solidFill>
                                <a:schemeClr val="bg2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900" b="0" i="1" smtClean="0">
                              <a:solidFill>
                                <a:schemeClr val="bg2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𝑓𝑙𝑜𝑤𝑠</m:t>
                          </m:r>
                        </m:num>
                        <m:den>
                          <m:sSup>
                            <m:sSupPr>
                              <m:ctrlPr>
                                <a:rPr lang="en-US" sz="900" b="0" i="1" smtClean="0">
                                  <a:solidFill>
                                    <a:schemeClr val="bg2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US" sz="900" b="0" i="1" smtClean="0">
                                  <a:solidFill>
                                    <a:schemeClr val="bg2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(1+</m:t>
                              </m:r>
                              <m:r>
                                <a:rPr lang="en-US" sz="900" b="0" i="1" smtClean="0">
                                  <a:solidFill>
                                    <a:schemeClr val="bg2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𝑟</m:t>
                              </m:r>
                              <m:r>
                                <a:rPr lang="en-US" sz="900" b="0" i="1" smtClean="0">
                                  <a:solidFill>
                                    <a:schemeClr val="bg2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)</m:t>
                              </m:r>
                            </m:e>
                            <m:sup>
                              <m:r>
                                <a:rPr lang="en-US" sz="900" b="0" i="1" smtClean="0">
                                  <a:solidFill>
                                    <a:schemeClr val="bg2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p>
                          </m:sSup>
                        </m:den>
                      </m:f>
                      <m:r>
                        <a:rPr lang="en-US" sz="900" b="0" i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 −</m:t>
                      </m:r>
                      <m:r>
                        <a:rPr lang="en-US" sz="900" b="0" i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𝑇𝑜𝑡𝑎𝑙</m:t>
                      </m:r>
                      <m:r>
                        <a:rPr lang="en-US" sz="900" b="0" i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sz="900" b="0" i="1" smtClean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𝐶𝑜𝑠𝑡𝑠</m:t>
                      </m:r>
                    </m:oMath>
                  </m:oMathPara>
                </a14:m>
                <a:endParaRPr lang="en-US" sz="900" b="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endParaRPr lang="en-US" sz="9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 NPV = [35, 880,000/(1+0.0414)</a:t>
                </a:r>
                <a:r>
                  <a:rPr lang="en-US" sz="900" baseline="30000" dirty="0">
                    <a:solidFill>
                      <a:schemeClr val="bg2">
                        <a:lumMod val="50000"/>
                      </a:schemeClr>
                    </a:solidFill>
                  </a:rPr>
                  <a:t>2</a:t>
                </a: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] - 1,976,400 = </a:t>
                </a:r>
                <a:r>
                  <a:rPr lang="en-US" sz="900" b="1" dirty="0">
                    <a:solidFill>
                      <a:schemeClr val="bg2">
                        <a:lumMod val="50000"/>
                      </a:schemeClr>
                    </a:solidFill>
                  </a:rPr>
                  <a:t>$  33,083,944.81 </a:t>
                </a:r>
              </a:p>
              <a:p>
                <a:pPr marL="114300" indent="0">
                  <a:buNone/>
                </a:pPr>
                <a:endParaRPr lang="en-US" sz="900" b="1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endParaRPr lang="en-US" sz="9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b="1" dirty="0">
                    <a:solidFill>
                      <a:schemeClr val="bg2">
                        <a:lumMod val="50000"/>
                      </a:schemeClr>
                    </a:solidFill>
                  </a:rPr>
                  <a:t>Return on Investment (ROI):</a:t>
                </a:r>
              </a:p>
              <a:p>
                <a:pPr marL="114300" indent="0">
                  <a:buNone/>
                </a:pPr>
                <a:endParaRPr lang="en-US" sz="2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dirty="0">
                    <a:solidFill>
                      <a:schemeClr val="bg2">
                        <a:lumMod val="50000"/>
                      </a:schemeClr>
                    </a:solidFill>
                  </a:rPr>
                  <a:t>ROI = (Total Benefits/Total Costs) × 100   =  </a:t>
                </a:r>
                <a:r>
                  <a:rPr lang="en-US" sz="900" b="1" dirty="0">
                    <a:solidFill>
                      <a:schemeClr val="bg2">
                        <a:lumMod val="50000"/>
                      </a:schemeClr>
                    </a:solidFill>
                  </a:rPr>
                  <a:t>18.15 times</a:t>
                </a:r>
              </a:p>
              <a:p>
                <a:pPr marL="114300" indent="0">
                  <a:buNone/>
                </a:pPr>
                <a:endParaRPr lang="en-US" sz="900" dirty="0">
                  <a:solidFill>
                    <a:schemeClr val="bg2">
                      <a:lumMod val="50000"/>
                    </a:schemeClr>
                  </a:solidFill>
                </a:endParaRPr>
              </a:p>
              <a:p>
                <a:pPr marL="114300" indent="0">
                  <a:buNone/>
                </a:pPr>
                <a:r>
                  <a:rPr lang="en-US" sz="900" b="1" dirty="0">
                    <a:solidFill>
                      <a:schemeClr val="bg2">
                        <a:lumMod val="50000"/>
                      </a:schemeClr>
                    </a:solidFill>
                  </a:rPr>
                  <a:t>Payback Period:</a:t>
                </a:r>
              </a:p>
              <a:p>
                <a:pPr marL="114300" indent="0">
                  <a:buNone/>
                </a:pPr>
                <a:r>
                  <a:rPr lang="en-US" sz="1050" dirty="0">
                    <a:solidFill>
                      <a:schemeClr val="bg2">
                        <a:lumMod val="50000"/>
                      </a:schemeClr>
                    </a:solidFill>
                  </a:rPr>
                  <a:t>Payback period </a:t>
                </a:r>
                <a14:m>
                  <m:oMath xmlns:m="http://schemas.openxmlformats.org/officeDocument/2006/math">
                    <m:r>
                      <a:rPr lang="en-US" sz="1050" i="1">
                        <a:solidFill>
                          <a:schemeClr val="bg2">
                            <a:lumMod val="50000"/>
                          </a:schemeClr>
                        </a:solidFill>
                        <a:latin typeface="Cambria Math" panose="02040503050406030204" pitchFamily="18" charset="0"/>
                      </a:rPr>
                      <m:t>= </m:t>
                    </m:r>
                    <m:f>
                      <m:fPr>
                        <m:ctrlPr>
                          <a:rPr lang="en-US" sz="1050" i="1" smtClean="0">
                            <a:solidFill>
                              <a:schemeClr val="bg2">
                                <a:lumMod val="50000"/>
                              </a:schemeClr>
                            </a:solidFill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en-US" sz="1050" b="0" i="1" smtClean="0">
                            <a:solidFill>
                              <a:schemeClr val="bg2">
                                <a:lumMod val="50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𝑇𝑜𝑡𝑎𝑙</m:t>
                        </m:r>
                        <m:r>
                          <a:rPr lang="en-US" sz="1050" b="0" i="1" smtClean="0">
                            <a:solidFill>
                              <a:schemeClr val="bg2">
                                <a:lumMod val="50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 </m:t>
                        </m:r>
                        <m:r>
                          <a:rPr lang="en-US" sz="1050" b="0" i="1" smtClean="0">
                            <a:solidFill>
                              <a:schemeClr val="bg2">
                                <a:lumMod val="50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𝐶𝑜𝑠𝑡𝑠</m:t>
                        </m:r>
                      </m:num>
                      <m:den>
                        <m:r>
                          <a:rPr lang="en-US" sz="1050" i="1" smtClean="0">
                            <a:solidFill>
                              <a:schemeClr val="bg2">
                                <a:lumMod val="50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 </m:t>
                        </m:r>
                        <m:r>
                          <a:rPr lang="en-US" sz="1050" b="0" i="1" smtClean="0">
                            <a:solidFill>
                              <a:schemeClr val="bg2">
                                <a:lumMod val="50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en-US" sz="1050" i="1">
                            <a:solidFill>
                              <a:schemeClr val="bg2">
                                <a:lumMod val="50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$14,940,000</m:t>
                        </m:r>
                        <m:r>
                          <a:rPr lang="en-US" sz="1050" b="0" i="1" smtClean="0">
                            <a:solidFill>
                              <a:schemeClr val="bg2">
                                <a:lumMod val="50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)</m:t>
                        </m:r>
                      </m:den>
                    </m:f>
                    <m:r>
                      <a:rPr lang="en-US" sz="1050" b="0" i="1" smtClean="0">
                        <a:solidFill>
                          <a:schemeClr val="bg2">
                            <a:lumMod val="50000"/>
                          </a:schemeClr>
                        </a:solidFill>
                        <a:latin typeface="Cambria Math" panose="02040503050406030204" pitchFamily="18" charset="0"/>
                      </a:rPr>
                      <m:t>= </m:t>
                    </m:r>
                  </m:oMath>
                </a14:m>
                <a:r>
                  <a:rPr lang="en-US" sz="1050" b="1" dirty="0">
                    <a:solidFill>
                      <a:schemeClr val="bg2">
                        <a:lumMod val="50000"/>
                      </a:schemeClr>
                    </a:solidFill>
                  </a:rPr>
                  <a:t>0.13 year </a:t>
                </a:r>
                <a:r>
                  <a:rPr lang="en-US" sz="1050" dirty="0">
                    <a:solidFill>
                      <a:schemeClr val="bg2">
                        <a:lumMod val="50000"/>
                      </a:schemeClr>
                    </a:solidFill>
                  </a:rPr>
                  <a:t>(around 1.5 months)</a:t>
                </a:r>
              </a:p>
              <a:p>
                <a:pPr marL="0" indent="0">
                  <a:spcBef>
                    <a:spcPts val="1200"/>
                  </a:spcBef>
                  <a:spcAft>
                    <a:spcPts val="1200"/>
                  </a:spcAft>
                  <a:buNone/>
                </a:pPr>
                <a:endParaRPr lang="en-US" sz="900" dirty="0">
                  <a:solidFill>
                    <a:schemeClr val="bg2">
                      <a:lumMod val="50000"/>
                    </a:schemeClr>
                  </a:solidFill>
                  <a:latin typeface="Nunito"/>
                  <a:ea typeface="Nunito"/>
                  <a:cs typeface="Nunito"/>
                  <a:sym typeface="Nunito"/>
                </a:endParaRPr>
              </a:p>
            </p:txBody>
          </p:sp>
        </mc:Choice>
        <mc:Fallback>
          <p:sp>
            <p:nvSpPr>
              <p:cNvPr id="333" name="Google Shape;333;p58"/>
              <p:cNvSpPr txBox="1">
                <a:spLocks noGrp="1" noRot="1" noChangeAspect="1" noMove="1" noResize="1" noEditPoints="1" noAdjustHandles="1" noChangeArrowheads="1" noChangeShapeType="1" noTextEdit="1"/>
              </p:cNvSpPr>
              <p:nvPr>
                <p:ph type="body" idx="1"/>
              </p:nvPr>
            </p:nvSpPr>
            <p:spPr>
              <a:xfrm>
                <a:off x="62522" y="437824"/>
                <a:ext cx="6634770" cy="3946611"/>
              </a:xfrm>
              <a:prstGeom prst="rect">
                <a:avLst/>
              </a:prstGeom>
              <a:blipFill>
                <a:blip r:embed="rId3"/>
                <a:stretch>
                  <a:fillRect b="-8501"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34" name="Google Shape;334;p58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305550" y="4666104"/>
            <a:ext cx="2623025" cy="401575"/>
          </a:xfrm>
          <a:prstGeom prst="rect">
            <a:avLst/>
          </a:prstGeom>
          <a:noFill/>
          <a:ln>
            <a:noFill/>
          </a:ln>
        </p:spPr>
      </p:pic>
      <p:sp>
        <p:nvSpPr>
          <p:cNvPr id="335" name="Google Shape;335;p58"/>
          <p:cNvSpPr txBox="1">
            <a:spLocks noGrp="1"/>
          </p:cNvSpPr>
          <p:nvPr>
            <p:ph type="title"/>
          </p:nvPr>
        </p:nvSpPr>
        <p:spPr>
          <a:xfrm>
            <a:off x="0" y="19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-US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COST BENEFIT ANALYSIS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275353CA-574E-4E6A-A84C-7A14539B4EA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86106575"/>
              </p:ext>
            </p:extLst>
          </p:nvPr>
        </p:nvGraphicFramePr>
        <p:xfrm>
          <a:off x="6619139" y="437824"/>
          <a:ext cx="2309436" cy="3048369"/>
        </p:xfrm>
        <a:graphic>
          <a:graphicData uri="http://schemas.openxmlformats.org/drawingml/2006/table">
            <a:tbl>
              <a:tblPr firstRow="1">
                <a:tableStyleId>{5FD0F851-EC5A-4D38-B0AD-8093EC10F338}</a:tableStyleId>
              </a:tblPr>
              <a:tblGrid>
                <a:gridCol w="1494297">
                  <a:extLst>
                    <a:ext uri="{9D8B030D-6E8A-4147-A177-3AD203B41FA5}">
                      <a16:colId xmlns:a16="http://schemas.microsoft.com/office/drawing/2014/main" val="2749348665"/>
                    </a:ext>
                  </a:extLst>
                </a:gridCol>
                <a:gridCol w="815139">
                  <a:extLst>
                    <a:ext uri="{9D8B030D-6E8A-4147-A177-3AD203B41FA5}">
                      <a16:colId xmlns:a16="http://schemas.microsoft.com/office/drawing/2014/main" val="2606674745"/>
                    </a:ext>
                  </a:extLst>
                </a:gridCol>
              </a:tblGrid>
              <a:tr h="169399">
                <a:tc gridSpan="2"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APPROXIMATE COST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46149816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EVELOPMENT COST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$ 936, 000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extLst>
                  <a:ext uri="{0D108BD9-81ED-4DB2-BD59-A6C34878D82A}">
                    <a16:rowId xmlns:a16="http://schemas.microsoft.com/office/drawing/2014/main" val="1744991799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INFRASTRUCTURE COSTS (ONE-TIME INVESTMENT)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$ 10, 400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extLst>
                  <a:ext uri="{0D108BD9-81ED-4DB2-BD59-A6C34878D82A}">
                    <a16:rowId xmlns:a16="http://schemas.microsoft.com/office/drawing/2014/main" val="3111791595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extLst>
                  <a:ext uri="{0D108BD9-81ED-4DB2-BD59-A6C34878D82A}">
                    <a16:rowId xmlns:a16="http://schemas.microsoft.com/office/drawing/2014/main" val="3750566718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OPERATIONAL COST (ESTIMATION)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  $ 1, 000, 000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extLst>
                  <a:ext uri="{0D108BD9-81ED-4DB2-BD59-A6C34878D82A}">
                    <a16:rowId xmlns:a16="http://schemas.microsoft.com/office/drawing/2014/main" val="1610703429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extLst>
                  <a:ext uri="{0D108BD9-81ED-4DB2-BD59-A6C34878D82A}">
                    <a16:rowId xmlns:a16="http://schemas.microsoft.com/office/drawing/2014/main" val="3095474964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TRAINING COST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$ 30, 000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extLst>
                  <a:ext uri="{0D108BD9-81ED-4DB2-BD59-A6C34878D82A}">
                    <a16:rowId xmlns:a16="http://schemas.microsoft.com/office/drawing/2014/main" val="3071508637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extLst>
                  <a:ext uri="{0D108BD9-81ED-4DB2-BD59-A6C34878D82A}">
                    <a16:rowId xmlns:a16="http://schemas.microsoft.com/office/drawing/2014/main" val="152351594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US" sz="1000" u="none" strike="noStrike" dirty="0">
                          <a:effectLst/>
                        </a:rPr>
                        <a:t>FRAUD LOSS REDUCTION (ESTIMATION)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 $ 29,880,000 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43" marR="5443" marT="5443" marB="0" anchor="ctr"/>
                </a:tc>
                <a:extLst>
                  <a:ext uri="{0D108BD9-81ED-4DB2-BD59-A6C34878D82A}">
                    <a16:rowId xmlns:a16="http://schemas.microsoft.com/office/drawing/2014/main" val="3896817555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extLst>
                  <a:ext uri="{0D108BD9-81ED-4DB2-BD59-A6C34878D82A}">
                    <a16:rowId xmlns:a16="http://schemas.microsoft.com/office/drawing/2014/main" val="1043828445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OPERATIONAL EFFICIENCY GAINS/YEAR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$ 6, 000, 000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/>
                </a:tc>
                <a:extLst>
                  <a:ext uri="{0D108BD9-81ED-4DB2-BD59-A6C34878D82A}">
                    <a16:rowId xmlns:a16="http://schemas.microsoft.com/office/drawing/2014/main" val="386113945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65704091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41" name="Google Shape;341;p59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310663" y="4643226"/>
            <a:ext cx="2623025" cy="401575"/>
          </a:xfrm>
          <a:prstGeom prst="rect">
            <a:avLst/>
          </a:prstGeom>
          <a:noFill/>
          <a:ln>
            <a:noFill/>
          </a:ln>
        </p:spPr>
      </p:pic>
      <p:sp>
        <p:nvSpPr>
          <p:cNvPr id="342" name="Google Shape;342;p59"/>
          <p:cNvSpPr txBox="1">
            <a:spLocks noGrp="1"/>
          </p:cNvSpPr>
          <p:nvPr>
            <p:ph type="title"/>
          </p:nvPr>
        </p:nvSpPr>
        <p:spPr>
          <a:xfrm>
            <a:off x="0" y="19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52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LIMITATIONS OF PROJECT</a:t>
            </a:r>
            <a:endParaRPr sz="2520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37A97AB5-A630-4C27-99BF-A191CE997B7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9750075"/>
              </p:ext>
            </p:extLst>
          </p:nvPr>
        </p:nvGraphicFramePr>
        <p:xfrm>
          <a:off x="401781" y="446904"/>
          <a:ext cx="7827819" cy="420876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7" name="Google Shape;347;p60"/>
          <p:cNvSpPr txBox="1">
            <a:spLocks noGrp="1"/>
          </p:cNvSpPr>
          <p:nvPr>
            <p:ph type="body" idx="1"/>
          </p:nvPr>
        </p:nvSpPr>
        <p:spPr>
          <a:xfrm>
            <a:off x="311701" y="389486"/>
            <a:ext cx="8832299" cy="436452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171450" indent="-171450">
              <a:lnSpc>
                <a:spcPct val="120000"/>
              </a:lnSpc>
              <a:buSzPct val="100000"/>
            </a:pPr>
            <a:r>
              <a:rPr lang="en-US" sz="1100" b="1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Data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Synthetic data shown to be un-useful for performing model comparison and selection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CTGAN seems to produce synthetic data without preserving relations between variables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It was possible to obtain promising fraud detection results ignoring importer and broker IDs</a:t>
            </a:r>
          </a:p>
          <a:p>
            <a:pPr marL="0" lvl="0" indent="0">
              <a:lnSpc>
                <a:spcPct val="120000"/>
              </a:lnSpc>
              <a:buNone/>
            </a:pPr>
            <a:endParaRPr lang="en-US" sz="1100" dirty="0">
              <a:solidFill>
                <a:schemeClr val="bg2">
                  <a:lumMod val="50000"/>
                </a:schemeClr>
              </a:solidFill>
              <a:latin typeface="+mn-lt"/>
              <a:ea typeface="Nunito"/>
              <a:cs typeface="Nunito"/>
              <a:sym typeface="Nunito"/>
            </a:endParaRPr>
          </a:p>
          <a:p>
            <a:pPr marL="171450" indent="-171450">
              <a:lnSpc>
                <a:spcPct val="120000"/>
              </a:lnSpc>
              <a:buSzPct val="100000"/>
            </a:pPr>
            <a:r>
              <a:rPr lang="en-US" sz="1100" b="1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Models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Ensemble models (XGBoost and LightGBM) shown to able to learn from real data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XGBoost was selected from the classic ML models, showing a superior mean F1 in validation stage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XGBoost selection was confirmed with Fraud detection and Revenue increase vs. Inspection rate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DATE model, using country IDs instead of importer IDs, shown similar results to XGBoost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Splitting the problem by means of transport showed significant improvement (+ 25% in F1 score)</a:t>
            </a:r>
          </a:p>
          <a:p>
            <a:pPr marL="0" lvl="0" indent="0">
              <a:lnSpc>
                <a:spcPct val="120000"/>
              </a:lnSpc>
              <a:buNone/>
            </a:pPr>
            <a:endParaRPr lang="en-US" sz="1100" dirty="0">
              <a:solidFill>
                <a:schemeClr val="bg2">
                  <a:lumMod val="50000"/>
                </a:schemeClr>
              </a:solidFill>
              <a:latin typeface="+mn-lt"/>
              <a:ea typeface="Nunito"/>
              <a:cs typeface="Nunito"/>
              <a:sym typeface="Nunito"/>
            </a:endParaRPr>
          </a:p>
          <a:p>
            <a:pPr marL="171450" indent="-171450">
              <a:lnSpc>
                <a:spcPct val="120000"/>
              </a:lnSpc>
              <a:buSzPct val="100000"/>
            </a:pPr>
            <a:r>
              <a:rPr lang="en-US" sz="1100" b="1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Results and outcomes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20 % of inspection rate would result in 96 % of the fraud detected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30 % of inspection rate can would result in 99 % of the fraud detected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Intensive validation over XGBoost shows stable prediction regarding fraud detected rate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Revenue increase depends on the data and its split</a:t>
            </a:r>
          </a:p>
          <a:p>
            <a:pPr marL="0" lvl="0" indent="0">
              <a:lnSpc>
                <a:spcPct val="120000"/>
              </a:lnSpc>
              <a:buNone/>
            </a:pPr>
            <a:endParaRPr lang="en-US" sz="1100" dirty="0">
              <a:solidFill>
                <a:schemeClr val="bg2">
                  <a:lumMod val="50000"/>
                </a:schemeClr>
              </a:solidFill>
              <a:latin typeface="+mn-lt"/>
              <a:ea typeface="Nunito"/>
              <a:cs typeface="Nunito"/>
              <a:sym typeface="Nunito"/>
            </a:endParaRPr>
          </a:p>
          <a:p>
            <a:pPr marL="171450" indent="-171450">
              <a:lnSpc>
                <a:spcPct val="120000"/>
              </a:lnSpc>
              <a:buSzPct val="100000"/>
            </a:pPr>
            <a:r>
              <a:rPr lang="en-US" sz="1100" b="1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Development and Deployment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It is expected that the development of this project takes around 22 months</a:t>
            </a:r>
          </a:p>
          <a:p>
            <a:pPr marL="628650" lvl="1" indent="-171450">
              <a:lnSpc>
                <a:spcPct val="120000"/>
              </a:lnSpc>
              <a:buSzPct val="100000"/>
              <a:buFont typeface="Arial" panose="020B0604020202020204" pitchFamily="34" charset="0"/>
              <a:buChar char="-"/>
            </a:pPr>
            <a:r>
              <a:rPr lang="en-US" sz="1100" dirty="0">
                <a:solidFill>
                  <a:schemeClr val="bg2">
                    <a:lumMod val="50000"/>
                  </a:schemeClr>
                </a:solidFill>
                <a:latin typeface="+mn-lt"/>
                <a:ea typeface="Nunito"/>
                <a:cs typeface="Nunito"/>
                <a:sym typeface="Nunito"/>
              </a:rPr>
              <a:t>Its deployment  would require around 3 months and a continuous effort in its maintenance is advisable.</a:t>
            </a:r>
            <a:endParaRPr sz="1100" dirty="0">
              <a:solidFill>
                <a:schemeClr val="bg2">
                  <a:lumMod val="50000"/>
                </a:schemeClr>
              </a:solidFill>
              <a:latin typeface="+mn-lt"/>
              <a:ea typeface="Nunito"/>
              <a:cs typeface="Nunito"/>
              <a:sym typeface="Nunito"/>
            </a:endParaRPr>
          </a:p>
        </p:txBody>
      </p:sp>
      <p:pic>
        <p:nvPicPr>
          <p:cNvPr id="348" name="Google Shape;348;p60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383010" y="4673268"/>
            <a:ext cx="2623025" cy="401575"/>
          </a:xfrm>
          <a:prstGeom prst="rect">
            <a:avLst/>
          </a:prstGeom>
          <a:noFill/>
          <a:ln>
            <a:noFill/>
          </a:ln>
        </p:spPr>
      </p:pic>
      <p:sp>
        <p:nvSpPr>
          <p:cNvPr id="349" name="Google Shape;349;p60"/>
          <p:cNvSpPr txBox="1">
            <a:spLocks noGrp="1"/>
          </p:cNvSpPr>
          <p:nvPr>
            <p:ph type="title"/>
          </p:nvPr>
        </p:nvSpPr>
        <p:spPr>
          <a:xfrm>
            <a:off x="0" y="19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CONCLUSION</a:t>
            </a:r>
            <a:endParaRPr sz="2400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5" name="Google Shape;115;p27"/>
          <p:cNvSpPr txBox="1">
            <a:spLocks noGrp="1"/>
          </p:cNvSpPr>
          <p:nvPr>
            <p:ph type="title"/>
          </p:nvPr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-US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BACKGROUND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7D12FE48-8113-4FC6-A80E-DCA626B4EAD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97762225"/>
              </p:ext>
            </p:extLst>
          </p:nvPr>
        </p:nvGraphicFramePr>
        <p:xfrm>
          <a:off x="543298" y="551231"/>
          <a:ext cx="8057401" cy="383373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E08A369C-4BA4-449B-A308-02F442BA3B03}"/>
              </a:ext>
            </a:extLst>
          </p:cNvPr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873602038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62" name="Google Shape;362;p62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364722" y="4636692"/>
            <a:ext cx="2623025" cy="401575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1A195380-70AE-4EB8-A3AA-BEBA50203525}"/>
              </a:ext>
            </a:extLst>
          </p:cNvPr>
          <p:cNvSpPr/>
          <p:nvPr/>
        </p:nvSpPr>
        <p:spPr>
          <a:xfrm>
            <a:off x="2189908" y="1554779"/>
            <a:ext cx="5261377" cy="1323439"/>
          </a:xfrm>
          <a:prstGeom prst="rect">
            <a:avLst/>
          </a:prstGeom>
          <a:noFill/>
          <a:scene3d>
            <a:camera prst="orthographicFront"/>
            <a:lightRig rig="threePt" dir="t"/>
          </a:scene3d>
          <a:sp3d>
            <a:bevelT w="165100" prst="coolSlant"/>
          </a:sp3d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8000" dirty="0">
                <a:ln w="0"/>
                <a:solidFill>
                  <a:schemeClr val="accent5">
                    <a:lumMod val="50000"/>
                    <a:alpha val="56000"/>
                  </a:schemeClr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Thank you!</a:t>
            </a:r>
            <a:endParaRPr lang="en-US" sz="8000" b="0" cap="none" spc="0" dirty="0">
              <a:ln w="0"/>
              <a:solidFill>
                <a:schemeClr val="accent5">
                  <a:lumMod val="50000"/>
                  <a:alpha val="56000"/>
                </a:schemeClr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</p:spTree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62" name="Google Shape;362;p62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364722" y="4636692"/>
            <a:ext cx="2623025" cy="401575"/>
          </a:xfrm>
          <a:prstGeom prst="rect">
            <a:avLst/>
          </a:prstGeom>
          <a:noFill/>
          <a:ln>
            <a:noFill/>
          </a:ln>
        </p:spPr>
      </p:pic>
      <p:pic>
        <p:nvPicPr>
          <p:cNvPr id="2050" name="Picture 2" descr="Person Asking A Question">
            <a:extLst>
              <a:ext uri="{FF2B5EF4-FFF2-40B4-BE49-F238E27FC236}">
                <a16:creationId xmlns:a16="http://schemas.microsoft.com/office/drawing/2014/main" id="{78E245EE-2F0C-44DE-AADD-FF4C233602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8300" b="90514" l="9548" r="89950">
                        <a14:foregroundMark x1="47236" y1="12648" x2="47236" y2="12648"/>
                        <a14:foregroundMark x1="54774" y1="13834" x2="70854" y2="13439"/>
                        <a14:foregroundMark x1="79397" y1="25296" x2="61809" y2="42292"/>
                        <a14:foregroundMark x1="61809" y1="42292" x2="57286" y2="82609"/>
                        <a14:foregroundMark x1="33668" y1="35968" x2="43216" y2="56126"/>
                        <a14:foregroundMark x1="43216" y1="56126" x2="23116" y2="84585"/>
                        <a14:foregroundMark x1="35176" y1="46640" x2="49749" y2="41502"/>
                        <a14:foregroundMark x1="45226" y1="35968" x2="35176" y2="32016"/>
                        <a14:foregroundMark x1="36683" y1="27668" x2="39196" y2="29249"/>
                        <a14:foregroundMark x1="30151" y1="32016" x2="28643" y2="33992"/>
                        <a14:foregroundMark x1="31156" y1="28854" x2="39698" y2="44269"/>
                        <a14:foregroundMark x1="32663" y1="42292" x2="27638" y2="31621"/>
                        <a14:foregroundMark x1="34673" y1="52964" x2="28643" y2="59289"/>
                        <a14:foregroundMark x1="35176" y1="48617" x2="29648" y2="58103"/>
                        <a14:foregroundMark x1="27136" y1="57708" x2="26633" y2="58498"/>
                        <a14:foregroundMark x1="33668" y1="89723" x2="25126" y2="89328"/>
                        <a14:foregroundMark x1="24623" y1="86166" x2="17085" y2="87747"/>
                        <a14:foregroundMark x1="31156" y1="90909" x2="23116" y2="90909"/>
                        <a14:foregroundMark x1="35176" y1="90909" x2="18090" y2="88933"/>
                        <a14:foregroundMark x1="56281" y1="8300" x2="46231" y2="9486"/>
                      </a14:backgroundRemoval>
                    </a14:imgEffect>
                    <a14:imgEffect>
                      <a14:sharpenSoften amount="50000"/>
                    </a14:imgEffect>
                    <a14:imgEffect>
                      <a14:saturation sat="4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4263" y="1366838"/>
            <a:ext cx="1895475" cy="240982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1A195380-70AE-4EB8-A3AA-BEBA50203525}"/>
              </a:ext>
            </a:extLst>
          </p:cNvPr>
          <p:cNvSpPr/>
          <p:nvPr/>
        </p:nvSpPr>
        <p:spPr>
          <a:xfrm>
            <a:off x="2418337" y="1824287"/>
            <a:ext cx="4804520" cy="1323439"/>
          </a:xfrm>
          <a:prstGeom prst="rect">
            <a:avLst/>
          </a:prstGeom>
          <a:noFill/>
          <a:scene3d>
            <a:camera prst="orthographicFront"/>
            <a:lightRig rig="threePt" dir="t"/>
          </a:scene3d>
          <a:sp3d>
            <a:bevelT w="165100" prst="coolSlant"/>
          </a:sp3d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8000" dirty="0">
                <a:ln w="0"/>
                <a:solidFill>
                  <a:schemeClr val="accent5">
                    <a:lumMod val="50000"/>
                    <a:alpha val="56000"/>
                  </a:schemeClr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Questions</a:t>
            </a:r>
            <a:endParaRPr lang="en-US" sz="8000" b="0" cap="none" spc="0" dirty="0">
              <a:ln w="0"/>
              <a:solidFill>
                <a:schemeClr val="accent5">
                  <a:lumMod val="50000"/>
                  <a:alpha val="56000"/>
                </a:schemeClr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424353239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333" name="Google Shape;333;p58"/>
              <p:cNvSpPr txBox="1">
                <a:spLocks noGrp="1"/>
              </p:cNvSpPr>
              <p:nvPr>
                <p:ph type="body" idx="1"/>
              </p:nvPr>
            </p:nvSpPr>
            <p:spPr>
              <a:xfrm>
                <a:off x="0" y="437824"/>
                <a:ext cx="5126400" cy="4435851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91425" tIns="91425" rIns="91425" bIns="91425" anchor="t" anchorCtr="0">
                <a:noAutofit/>
              </a:bodyPr>
              <a:lstStyle/>
              <a:p>
                <a:pPr marL="114300" indent="0">
                  <a:buNone/>
                </a:pPr>
                <a:r>
                  <a:rPr lang="en-US" sz="900" b="1" dirty="0">
                    <a:solidFill>
                      <a:schemeClr val="tx1"/>
                    </a:solidFill>
                  </a:rPr>
                  <a:t>Calculation:</a:t>
                </a:r>
              </a:p>
              <a:p>
                <a:pPr marL="114300" indent="0">
                  <a:buNone/>
                </a:pPr>
                <a:endParaRPr lang="en-US" sz="100" b="1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b="1" dirty="0">
                    <a:solidFill>
                      <a:schemeClr val="tx1"/>
                    </a:solidFill>
                  </a:rPr>
                  <a:t>Total Costs:</a:t>
                </a:r>
                <a:r>
                  <a:rPr lang="en-US" sz="800" dirty="0">
                    <a:solidFill>
                      <a:schemeClr val="tx1"/>
                    </a:solidFill>
                  </a:rPr>
                  <a:t> </a:t>
                </a:r>
              </a:p>
              <a:p>
                <a:pPr marL="114300" indent="0">
                  <a:buNone/>
                </a:pPr>
                <a:endParaRPr lang="en-US" sz="10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Total Costs = Development Costs + Infrastructure Costs+ (Operational Costs × Project Duration) + Training Costs</a:t>
                </a: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                  = $ (936,000 + 10,400 + 1,000,000 + 30,000)</a:t>
                </a: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                  = $ 1,976,400</a:t>
                </a:r>
              </a:p>
              <a:p>
                <a:pPr marL="114300" indent="0">
                  <a:buNone/>
                </a:pPr>
                <a:r>
                  <a:rPr lang="en-US" sz="800" b="1" dirty="0">
                    <a:solidFill>
                      <a:schemeClr val="tx1"/>
                    </a:solidFill>
                  </a:rPr>
                  <a:t>Total Benefits:</a:t>
                </a:r>
                <a:r>
                  <a:rPr lang="en-US" sz="800" dirty="0">
                    <a:solidFill>
                      <a:schemeClr val="tx1"/>
                    </a:solidFill>
                  </a:rPr>
                  <a:t> </a:t>
                </a:r>
              </a:p>
              <a:p>
                <a:pPr marL="114300" indent="0">
                  <a:buNone/>
                </a:pPr>
                <a:endParaRPr lang="en-US" sz="10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Total Benefits = Fraud Loss Reduction + Operational Efficiency Gains + Enhanced Reputation</a:t>
                </a: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                      = $ (42,000,000 + 6,000,000)</a:t>
                </a: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                      = $ 48,000,000	</a:t>
                </a: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(Note: The enhanced reputation may be challenging to quantify in monetary terms, but it contributes positively to overall benefits.)</a:t>
                </a:r>
              </a:p>
              <a:p>
                <a:pPr marL="114300" indent="0">
                  <a:buNone/>
                </a:pPr>
                <a:endParaRPr lang="en-US" sz="80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b="1" dirty="0">
                    <a:solidFill>
                      <a:schemeClr val="tx1"/>
                    </a:solidFill>
                  </a:rPr>
                  <a:t>Net Present Value (NPV):</a:t>
                </a:r>
                <a:r>
                  <a:rPr lang="en-US" sz="800" dirty="0">
                    <a:solidFill>
                      <a:schemeClr val="tx1"/>
                    </a:solidFill>
                  </a:rPr>
                  <a:t> </a:t>
                </a:r>
              </a:p>
              <a:p>
                <a:pPr marL="114300" indent="0">
                  <a:buNone/>
                </a:pPr>
                <a:endParaRPr lang="en-US" sz="10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NPV = Total Benefits − Total Costs  (Discount future values to present values and then subtract costs from benefits.)</a:t>
                </a:r>
              </a:p>
              <a:p>
                <a:pPr marL="11430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8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𝑁𝑃𝑉</m:t>
                      </m:r>
                      <m:r>
                        <a:rPr lang="en-US" sz="8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= </m:t>
                      </m:r>
                      <m:f>
                        <m:fPr>
                          <m:ctrlPr>
                            <a:rPr lang="en-US" sz="8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8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𝐶𝑎𝑠h</m:t>
                          </m:r>
                          <m:r>
                            <a:rPr lang="en-US" sz="8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8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𝑓𝑙𝑜𝑤𝑠</m:t>
                          </m:r>
                        </m:num>
                        <m:den>
                          <m:sSup>
                            <m:sSupPr>
                              <m:ctrlPr>
                                <a:rPr lang="en-US" sz="8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US" sz="8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(1+</m:t>
                              </m:r>
                              <m:r>
                                <a:rPr lang="en-US" sz="8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𝑟</m:t>
                              </m:r>
                              <m:r>
                                <a:rPr lang="en-US" sz="8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)</m:t>
                              </m:r>
                            </m:e>
                            <m:sup>
                              <m:r>
                                <a:rPr lang="en-US" sz="800" b="0" i="1" smtClean="0">
                                  <a:solidFill>
                                    <a:schemeClr val="tx1"/>
                                  </a:solidFill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sup>
                          </m:sSup>
                        </m:den>
                      </m:f>
                      <m:r>
                        <a:rPr lang="en-US" sz="8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 −</m:t>
                      </m:r>
                      <m:r>
                        <a:rPr lang="en-US" sz="8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𝑇𝑜𝑡𝑎𝑙</m:t>
                      </m:r>
                      <m:r>
                        <a:rPr lang="en-US" sz="8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sz="8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𝐶𝑜𝑠𝑡𝑠</m:t>
                      </m:r>
                    </m:oMath>
                  </m:oMathPara>
                </a14:m>
                <a:endParaRPr lang="en-US" sz="800" b="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endParaRPr lang="en-US" sz="80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 NPV = [48,000,000/(1+0.0398)</a:t>
                </a:r>
                <a:r>
                  <a:rPr lang="en-US" sz="800" baseline="30000" dirty="0">
                    <a:solidFill>
                      <a:schemeClr val="tx1"/>
                    </a:solidFill>
                  </a:rPr>
                  <a:t>2</a:t>
                </a:r>
                <a:r>
                  <a:rPr lang="en-US" sz="800" dirty="0">
                    <a:solidFill>
                      <a:schemeClr val="tx1"/>
                    </a:solidFill>
                  </a:rPr>
                  <a:t>] - 1,976,400 = $ 44,395,771.88 </a:t>
                </a:r>
              </a:p>
              <a:p>
                <a:pPr marL="114300" indent="0">
                  <a:buNone/>
                </a:pPr>
                <a:endParaRPr lang="en-US" sz="80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b="1" dirty="0">
                    <a:solidFill>
                      <a:schemeClr val="tx1"/>
                    </a:solidFill>
                  </a:rPr>
                  <a:t>Return on Investment (ROI):</a:t>
                </a:r>
              </a:p>
              <a:p>
                <a:pPr marL="114300" indent="0">
                  <a:buNone/>
                </a:pPr>
                <a:endParaRPr lang="en-US" sz="10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ROI = (Total Benefits/Total Costs) × 100   (Expressed as a percentage.)</a:t>
                </a:r>
              </a:p>
              <a:p>
                <a:pPr marL="114300" indent="0">
                  <a:buNone/>
                </a:pPr>
                <a:endParaRPr lang="en-US" sz="80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dirty="0">
                    <a:solidFill>
                      <a:schemeClr val="tx1"/>
                    </a:solidFill>
                  </a:rPr>
                  <a:t>        =  (48,000,000/1,976,000) x 100 = 242.9%</a:t>
                </a:r>
              </a:p>
              <a:p>
                <a:pPr marL="114300" indent="0">
                  <a:buNone/>
                </a:pPr>
                <a:endParaRPr lang="en-US" sz="800" dirty="0">
                  <a:solidFill>
                    <a:schemeClr val="tx1"/>
                  </a:solidFill>
                </a:endParaRPr>
              </a:p>
              <a:p>
                <a:pPr marL="114300" indent="0">
                  <a:buNone/>
                </a:pPr>
                <a:r>
                  <a:rPr lang="en-US" sz="800" b="1" dirty="0">
                    <a:solidFill>
                      <a:schemeClr val="tx1"/>
                    </a:solidFill>
                  </a:rPr>
                  <a:t>Payback Period:</a:t>
                </a:r>
                <a:r>
                  <a:rPr lang="en-US" sz="800" dirty="0">
                    <a:solidFill>
                      <a:schemeClr val="tx1"/>
                    </a:solidFill>
                  </a:rPr>
                  <a:t> time when cumulative benefits exceed cumulative costs.</a:t>
                </a:r>
              </a:p>
              <a:p>
                <a:pPr marL="0" indent="0">
                  <a:spcBef>
                    <a:spcPts val="1200"/>
                  </a:spcBef>
                  <a:spcAft>
                    <a:spcPts val="1200"/>
                  </a:spcAft>
                  <a:buNone/>
                </a:pPr>
                <a:endParaRPr sz="800" dirty="0">
                  <a:solidFill>
                    <a:schemeClr val="tx1"/>
                  </a:solidFill>
                  <a:latin typeface="Nunito"/>
                  <a:ea typeface="Nunito"/>
                  <a:cs typeface="Nunito"/>
                  <a:sym typeface="Nunito"/>
                </a:endParaRPr>
              </a:p>
            </p:txBody>
          </p:sp>
        </mc:Choice>
        <mc:Fallback xmlns="">
          <p:sp>
            <p:nvSpPr>
              <p:cNvPr id="333" name="Google Shape;333;p58"/>
              <p:cNvSpPr txBox="1">
                <a:spLocks noGrp="1" noRot="1" noChangeAspect="1" noMove="1" noResize="1" noEditPoints="1" noAdjustHandles="1" noChangeArrowheads="1" noChangeShapeType="1" noTextEdit="1"/>
              </p:cNvSpPr>
              <p:nvPr>
                <p:ph type="body" idx="1"/>
              </p:nvPr>
            </p:nvSpPr>
            <p:spPr>
              <a:xfrm>
                <a:off x="0" y="437824"/>
                <a:ext cx="5126400" cy="4435851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  <a:ln>
                <a:noFill/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34" name="Google Shape;334;p58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209274" y="4472100"/>
            <a:ext cx="2623025" cy="401575"/>
          </a:xfrm>
          <a:prstGeom prst="rect">
            <a:avLst/>
          </a:prstGeom>
          <a:noFill/>
          <a:ln>
            <a:noFill/>
          </a:ln>
        </p:spPr>
      </p:pic>
      <p:sp>
        <p:nvSpPr>
          <p:cNvPr id="335" name="Google Shape;335;p58"/>
          <p:cNvSpPr txBox="1">
            <a:spLocks noGrp="1"/>
          </p:cNvSpPr>
          <p:nvPr>
            <p:ph type="title"/>
          </p:nvPr>
        </p:nvSpPr>
        <p:spPr>
          <a:xfrm>
            <a:off x="0" y="19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-US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COST BENEFIT ANALYSIS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275353CA-574E-4E6A-A84C-7A14539B4EAA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5126400" y="476686"/>
          <a:ext cx="3840481" cy="4004699"/>
        </p:xfrm>
        <a:graphic>
          <a:graphicData uri="http://schemas.openxmlformats.org/drawingml/2006/table">
            <a:tbl>
              <a:tblPr firstRow="1">
                <a:tableStyleId>{9D7B26C5-4107-4FEC-AEDC-1716B250A1EF}</a:tableStyleId>
              </a:tblPr>
              <a:tblGrid>
                <a:gridCol w="1494297">
                  <a:extLst>
                    <a:ext uri="{9D8B030D-6E8A-4147-A177-3AD203B41FA5}">
                      <a16:colId xmlns:a16="http://schemas.microsoft.com/office/drawing/2014/main" val="2749348665"/>
                    </a:ext>
                  </a:extLst>
                </a:gridCol>
                <a:gridCol w="701728">
                  <a:extLst>
                    <a:ext uri="{9D8B030D-6E8A-4147-A177-3AD203B41FA5}">
                      <a16:colId xmlns:a16="http://schemas.microsoft.com/office/drawing/2014/main" val="4064181707"/>
                    </a:ext>
                  </a:extLst>
                </a:gridCol>
                <a:gridCol w="255176">
                  <a:extLst>
                    <a:ext uri="{9D8B030D-6E8A-4147-A177-3AD203B41FA5}">
                      <a16:colId xmlns:a16="http://schemas.microsoft.com/office/drawing/2014/main" val="264224212"/>
                    </a:ext>
                  </a:extLst>
                </a:gridCol>
                <a:gridCol w="574141">
                  <a:extLst>
                    <a:ext uri="{9D8B030D-6E8A-4147-A177-3AD203B41FA5}">
                      <a16:colId xmlns:a16="http://schemas.microsoft.com/office/drawing/2014/main" val="1943800868"/>
                    </a:ext>
                  </a:extLst>
                </a:gridCol>
                <a:gridCol w="815139">
                  <a:extLst>
                    <a:ext uri="{9D8B030D-6E8A-4147-A177-3AD203B41FA5}">
                      <a16:colId xmlns:a16="http://schemas.microsoft.com/office/drawing/2014/main" val="2606674745"/>
                    </a:ext>
                  </a:extLst>
                </a:gridCol>
              </a:tblGrid>
              <a:tr h="169399">
                <a:tc gridSpan="5"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effectLst/>
                        </a:rPr>
                        <a:t>APPROXIMATE COSTS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b"/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46149816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u="none" strike="noStrike" dirty="0">
                          <a:effectLst/>
                        </a:rPr>
                        <a:t>DEVELOPMENT COSTS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 MONTHLY SALARY 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QTY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DURATION/ MTHS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TOTAL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1744991799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effectLst/>
                        </a:rPr>
                        <a:t>Data Scientist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  6,5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2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24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312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1079057301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effectLst/>
                        </a:rPr>
                        <a:t>Software developer/Engineer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effectLst/>
                        </a:rPr>
                        <a:t> $        6,500 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2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24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312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3208196831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effectLst/>
                        </a:rPr>
                        <a:t>System administrators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effectLst/>
                        </a:rPr>
                        <a:t> $        6,500 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2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24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312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2009262193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$     </a:t>
                      </a:r>
                      <a:r>
                        <a:rPr lang="en-US" sz="800" u="none" strike="noStrike" cap="none" dirty="0">
                          <a:effectLst/>
                          <a:sym typeface="Arial"/>
                        </a:rPr>
                        <a:t>936</a:t>
                      </a:r>
                      <a:r>
                        <a:rPr lang="en-US" sz="800" u="none" strike="noStrike" dirty="0">
                          <a:effectLst/>
                        </a:rPr>
                        <a:t>, 000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3961494424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u="none" strike="noStrike" dirty="0">
                          <a:effectLst/>
                        </a:rPr>
                        <a:t>INFRASTRUCTURE COSTS (ONE-TIME INVESTMENT)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 COST 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QTY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DURATION/ YR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TOTAL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3111791595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effectLst/>
                        </a:rPr>
                        <a:t>GPU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  6,8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1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effectLst/>
                        </a:rPr>
                        <a:t>1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    6,8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3146340621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>
                          <a:effectLst/>
                        </a:rPr>
                        <a:t>Notebooks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effectLst/>
                        </a:rPr>
                        <a:t> $        1,800 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2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effectLst/>
                        </a:rPr>
                        <a:t>1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    3,6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2814767362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$      10, 400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1522934027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u="none" strike="noStrike" dirty="0">
                          <a:effectLst/>
                        </a:rPr>
                        <a:t>OPERATIONAL COST (ESTIMATION)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 YEARLY 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QTY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DURATION/ YR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TOTAL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1610703429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effectLst/>
                        </a:rPr>
                        <a:t>Ongoing maintenance, updates, and system monitoring.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500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1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2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1,000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250210248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3095474964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u="none" strike="noStrike" dirty="0">
                          <a:effectLst/>
                        </a:rPr>
                        <a:t>TRAINING COSTS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 COST 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QTY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DURATION/YR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TOTAL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3071508637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dirty="0">
                          <a:effectLst/>
                        </a:rPr>
                        <a:t>Training of personnel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effectLst/>
                        </a:rPr>
                        <a:t> $      30,000 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1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effectLst/>
                        </a:rPr>
                        <a:t>1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  30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627351943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endParaRPr lang="en-US" sz="800" b="1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152351594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US" sz="800" b="1" u="none" strike="noStrike" dirty="0">
                          <a:effectLst/>
                        </a:rPr>
                        <a:t>FRAUD LOSS REDUCTION (ESTIMATION)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 COST 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QTY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DURATION/YR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TOTAL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3896817555"/>
                  </a:ext>
                </a:extLst>
              </a:tr>
              <a:tr h="36155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cap="none" dirty="0">
                          <a:effectLst/>
                          <a:sym typeface="Arial"/>
                        </a:rPr>
                        <a:t>Potential reduction in financial losses due to improved fraud detection.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$ 21,000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1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>
                          <a:effectLst/>
                        </a:rPr>
                        <a:t>2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42,000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2531786149"/>
                  </a:ext>
                </a:extLst>
              </a:tr>
              <a:tr h="122343">
                <a:tc>
                  <a:txBody>
                    <a:bodyPr/>
                    <a:lstStyle/>
                    <a:p>
                      <a:pPr algn="l" fontAlgn="ctr"/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1043828445"/>
                  </a:ext>
                </a:extLst>
              </a:tr>
              <a:tr h="241949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1" u="none" strike="noStrike" dirty="0">
                          <a:effectLst/>
                        </a:rPr>
                        <a:t>OPERATIONAL EFFICIENCY GAINS/YEAR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 COST 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QTY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DURATION/YR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TOTAL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3861139454"/>
                  </a:ext>
                </a:extLst>
              </a:tr>
              <a:tr h="361555"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u="none" strike="noStrike" cap="none" dirty="0">
                          <a:effectLst/>
                          <a:sym typeface="Arial"/>
                        </a:rPr>
                        <a:t>Time and resource savings through streamlined customs processes.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3,000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1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2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>
                          <a:effectLst/>
                        </a:rPr>
                        <a:t> $      6,000,000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2789" marR="2789" marT="2789" marB="0"/>
                </a:tc>
                <a:extLst>
                  <a:ext uri="{0D108BD9-81ED-4DB2-BD59-A6C34878D82A}">
                    <a16:rowId xmlns:a16="http://schemas.microsoft.com/office/drawing/2014/main" val="318021952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584519933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1" name="Google Shape;591;p76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 SELECTION</a:t>
            </a:r>
            <a:endParaRPr sz="2400" b="0" i="0" u="none" strike="noStrike" cap="none" dirty="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92" name="Google Shape;592;p76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93" name="Google Shape;593;p76"/>
          <p:cNvSpPr txBox="1"/>
          <p:nvPr/>
        </p:nvSpPr>
        <p:spPr>
          <a:xfrm>
            <a:off x="103168" y="508080"/>
            <a:ext cx="79950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sz="16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E824610-3E12-43EF-BC62-FD27A5CEFF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46860" y="586380"/>
            <a:ext cx="6050280" cy="43357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3497973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1" name="Google Shape;591;p76"/>
          <p:cNvSpPr txBox="1"/>
          <p:nvPr/>
        </p:nvSpPr>
        <p:spPr>
          <a:xfrm>
            <a:off x="0" y="1368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solidFill>
                  <a:srgbClr val="004B53"/>
                </a:solidFill>
                <a:latin typeface="Inter"/>
                <a:ea typeface="Inter"/>
                <a:cs typeface="Inter"/>
                <a:sym typeface="Inter"/>
              </a:rPr>
              <a:t>MODEL SELECTION</a:t>
            </a:r>
            <a:endParaRPr sz="2400" b="0" i="0" u="none" strike="noStrike" cap="none" dirty="0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92" name="Google Shape;592;p76"/>
          <p:cNvSpPr txBox="1"/>
          <p:nvPr/>
        </p:nvSpPr>
        <p:spPr>
          <a:xfrm>
            <a:off x="361800" y="842400"/>
            <a:ext cx="7929300" cy="523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93" name="Google Shape;593;p76"/>
          <p:cNvSpPr txBox="1"/>
          <p:nvPr/>
        </p:nvSpPr>
        <p:spPr>
          <a:xfrm>
            <a:off x="103168" y="508080"/>
            <a:ext cx="79950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sz="16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C2E60FE-E9BE-4ECD-9776-D74F6D68D28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46860" y="586380"/>
            <a:ext cx="6050280" cy="43357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698979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3" name="Google Shape;153;p32"/>
          <p:cNvSpPr txBox="1">
            <a:spLocks noGrp="1"/>
          </p:cNvSpPr>
          <p:nvPr>
            <p:ph type="title"/>
          </p:nvPr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SWOT ANALYSIS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16F8AB17-0E40-4322-98F3-107CE7A0938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798693870"/>
              </p:ext>
            </p:extLst>
          </p:nvPr>
        </p:nvGraphicFramePr>
        <p:xfrm>
          <a:off x="582119" y="490400"/>
          <a:ext cx="7979762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4F624FFB-52B9-43F3-A409-82DC9923CD35}"/>
              </a:ext>
            </a:extLst>
          </p:cNvPr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0" name="Google Shape;160;p33"/>
          <p:cNvSpPr txBox="1">
            <a:spLocks noGrp="1"/>
          </p:cNvSpPr>
          <p:nvPr>
            <p:ph type="title"/>
          </p:nvPr>
        </p:nvSpPr>
        <p:spPr>
          <a:xfrm>
            <a:off x="0" y="7583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52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PROBLEM STATEMENT</a:t>
            </a:r>
            <a:endParaRPr sz="252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C41031D9-3F20-4279-A6E2-E64F0E8DB58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35647638"/>
              </p:ext>
            </p:extLst>
          </p:nvPr>
        </p:nvGraphicFramePr>
        <p:xfrm>
          <a:off x="1199864" y="601065"/>
          <a:ext cx="7183273" cy="37252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CCDBCA3C-056A-41C1-AC2C-843D3D76F2B4}"/>
              </a:ext>
            </a:extLst>
          </p:cNvPr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" name="Google Shape;174;p35"/>
          <p:cNvSpPr txBox="1">
            <a:spLocks noGrp="1"/>
          </p:cNvSpPr>
          <p:nvPr>
            <p:ph type="title"/>
          </p:nvPr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TYPE OF MACHINE LEARNING</a:t>
            </a:r>
            <a:endParaRPr sz="2400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pic>
        <p:nvPicPr>
          <p:cNvPr id="1026" name="Picture 2" descr="A Simple Guide to Choosing the Right Machine Learning Algorithm for  Real-World Success 🚀">
            <a:extLst>
              <a:ext uri="{FF2B5EF4-FFF2-40B4-BE49-F238E27FC236}">
                <a16:creationId xmlns:a16="http://schemas.microsoft.com/office/drawing/2014/main" id="{ECA8430B-3BE4-47D9-B437-B230CC34F3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74885" y="505110"/>
            <a:ext cx="6360746" cy="455242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Oval 1">
            <a:extLst>
              <a:ext uri="{FF2B5EF4-FFF2-40B4-BE49-F238E27FC236}">
                <a16:creationId xmlns:a16="http://schemas.microsoft.com/office/drawing/2014/main" id="{2351E8B9-6080-45E2-A2E9-5ED62472BB35}"/>
              </a:ext>
            </a:extLst>
          </p:cNvPr>
          <p:cNvSpPr/>
          <p:nvPr/>
        </p:nvSpPr>
        <p:spPr>
          <a:xfrm>
            <a:off x="4407874" y="889962"/>
            <a:ext cx="781539" cy="461107"/>
          </a:xfrm>
          <a:prstGeom prst="ellipse">
            <a:avLst/>
          </a:prstGeom>
          <a:noFill/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Google Shape;327;p57">
            <a:extLst>
              <a:ext uri="{FF2B5EF4-FFF2-40B4-BE49-F238E27FC236}">
                <a16:creationId xmlns:a16="http://schemas.microsoft.com/office/drawing/2014/main" id="{CAF33FC5-B834-4E81-863C-7595300DF660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5" name="Google Shape;195;p38"/>
          <p:cNvSpPr txBox="1">
            <a:spLocks noGrp="1"/>
          </p:cNvSpPr>
          <p:nvPr>
            <p:ph type="title"/>
          </p:nvPr>
        </p:nvSpPr>
        <p:spPr>
          <a:xfrm>
            <a:off x="0" y="0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r>
              <a:rPr lang="en" sz="2400" b="1" dirty="0">
                <a:solidFill>
                  <a:schemeClr val="accent5">
                    <a:lumMod val="50000"/>
                  </a:schemeClr>
                </a:solidFill>
                <a:latin typeface="Inter"/>
                <a:ea typeface="Inter"/>
                <a:cs typeface="Inter"/>
                <a:sym typeface="Inter"/>
              </a:rPr>
              <a:t>DATA COLLECTION</a:t>
            </a: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</a:pPr>
            <a:endParaRPr sz="2400" b="1" dirty="0">
              <a:solidFill>
                <a:schemeClr val="accent5">
                  <a:lumMod val="50000"/>
                </a:schemeClr>
              </a:solidFill>
              <a:latin typeface="Inter"/>
              <a:ea typeface="Inter"/>
              <a:cs typeface="Inter"/>
              <a:sym typeface="Inter"/>
            </a:endParaRPr>
          </a:p>
        </p:txBody>
      </p:sp>
      <p:sp>
        <p:nvSpPr>
          <p:cNvPr id="197" name="Google Shape;197;p38"/>
          <p:cNvSpPr txBox="1"/>
          <p:nvPr/>
        </p:nvSpPr>
        <p:spPr>
          <a:xfrm>
            <a:off x="142754" y="313136"/>
            <a:ext cx="8520599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lvl="0" indent="457200">
              <a:lnSpc>
                <a:spcPct val="115000"/>
              </a:lnSpc>
            </a:pPr>
            <a:endParaRPr lang="en-US" sz="1800" dirty="0">
              <a:latin typeface="Inter"/>
              <a:ea typeface="Inter"/>
              <a:cs typeface="Inter"/>
              <a:sym typeface="Inter"/>
            </a:endParaRPr>
          </a:p>
          <a:p>
            <a:pPr marL="285750" lvl="0" indent="-285750">
              <a:lnSpc>
                <a:spcPct val="115000"/>
              </a:lnSpc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chemeClr val="dk1"/>
                </a:solidFill>
                <a:latin typeface="Inter"/>
                <a:ea typeface="Inter"/>
                <a:cs typeface="Inter"/>
                <a:sym typeface="Inter"/>
              </a:rPr>
              <a:t>Data used</a:t>
            </a:r>
            <a:endParaRPr lang="en-US" sz="1800" dirty="0">
              <a:solidFill>
                <a:schemeClr val="dk1"/>
              </a:solidFill>
            </a:endParaRPr>
          </a:p>
          <a:p>
            <a:pPr marL="400050" lvl="1" indent="169863">
              <a:lnSpc>
                <a:spcPct val="115000"/>
              </a:lnSpc>
              <a:buFont typeface="+mj-lt"/>
              <a:buAutoNum type="romanLcPeriod"/>
            </a:pPr>
            <a:r>
              <a:rPr lang="en-US" sz="1800" dirty="0">
                <a:solidFill>
                  <a:schemeClr val="dk1"/>
                </a:solidFill>
                <a:latin typeface="Inter"/>
                <a:ea typeface="Inter"/>
                <a:cs typeface="Inter"/>
                <a:sym typeface="Inter"/>
              </a:rPr>
              <a:t>WCO BACUDA courses synthetic data</a:t>
            </a:r>
          </a:p>
          <a:p>
            <a:pPr marL="400050" lvl="1" indent="169863">
              <a:lnSpc>
                <a:spcPct val="115000"/>
              </a:lnSpc>
              <a:buFont typeface="+mj-lt"/>
              <a:buAutoNum type="romanLcPeriod"/>
            </a:pPr>
            <a:r>
              <a:rPr lang="en-US" sz="1800" dirty="0">
                <a:solidFill>
                  <a:schemeClr val="dk1"/>
                </a:solidFill>
                <a:latin typeface="Inter"/>
                <a:ea typeface="Inter"/>
                <a:cs typeface="Inter"/>
                <a:sym typeface="Inter"/>
              </a:rPr>
              <a:t>Argentine Customs data warehouse</a:t>
            </a:r>
          </a:p>
          <a:p>
            <a:pPr marL="969963" lvl="1" indent="-223838">
              <a:lnSpc>
                <a:spcPct val="115000"/>
              </a:lnSpc>
              <a:buSzPct val="100000"/>
              <a:buFontTx/>
              <a:buChar char="-"/>
            </a:pPr>
            <a:r>
              <a:rPr lang="en-US" sz="1800" dirty="0">
                <a:solidFill>
                  <a:schemeClr val="dk1"/>
                </a:solidFill>
                <a:latin typeface="Inter"/>
                <a:ea typeface="Inter"/>
                <a:cs typeface="Inter"/>
                <a:sym typeface="Inter"/>
              </a:rPr>
              <a:t>Customs declarations</a:t>
            </a:r>
          </a:p>
          <a:p>
            <a:pPr marL="969963" lvl="1" indent="-223838">
              <a:lnSpc>
                <a:spcPct val="115000"/>
              </a:lnSpc>
              <a:buSzPct val="100000"/>
              <a:buFontTx/>
              <a:buChar char="-"/>
            </a:pPr>
            <a:r>
              <a:rPr lang="en-US" sz="1800" dirty="0">
                <a:solidFill>
                  <a:schemeClr val="dk1"/>
                </a:solidFill>
                <a:latin typeface="Inter"/>
                <a:ea typeface="Inter"/>
                <a:cs typeface="Inter"/>
                <a:sym typeface="Inter"/>
              </a:rPr>
              <a:t>Inspection reports</a:t>
            </a:r>
            <a:endParaRPr lang="en-US" sz="1800" dirty="0">
              <a:solidFill>
                <a:schemeClr val="dk1"/>
              </a:solidFill>
            </a:endParaRPr>
          </a:p>
          <a:p>
            <a:pPr marL="969963" lvl="1" indent="-223838">
              <a:lnSpc>
                <a:spcPct val="115000"/>
              </a:lnSpc>
              <a:buSzPct val="100000"/>
              <a:buFontTx/>
              <a:buChar char="-"/>
            </a:pPr>
            <a:r>
              <a:rPr lang="en-US" sz="1800" dirty="0">
                <a:solidFill>
                  <a:schemeClr val="dk1"/>
                </a:solidFill>
                <a:latin typeface="Inter"/>
              </a:rPr>
              <a:t>Basic</a:t>
            </a:r>
            <a:r>
              <a:rPr lang="en-US" sz="1800" dirty="0">
                <a:solidFill>
                  <a:schemeClr val="dk1"/>
                </a:solidFill>
                <a:latin typeface="Inter"/>
                <a:sym typeface="Inter"/>
              </a:rPr>
              <a:t> </a:t>
            </a:r>
            <a:r>
              <a:rPr lang="en-US" sz="1800" dirty="0">
                <a:solidFill>
                  <a:schemeClr val="dk1"/>
                </a:solidFill>
                <a:latin typeface="Inter"/>
                <a:ea typeface="Inter"/>
                <a:cs typeface="Inter"/>
                <a:sym typeface="Inter"/>
              </a:rPr>
              <a:t>operators (broker and importers) information</a:t>
            </a:r>
            <a:endParaRPr lang="en-US" sz="1800" b="1" dirty="0">
              <a:solidFill>
                <a:schemeClr val="dk1"/>
              </a:solidFill>
              <a:latin typeface="Inter"/>
              <a:ea typeface="Inter"/>
              <a:cs typeface="Inter"/>
              <a:sym typeface="Inter"/>
            </a:endParaRPr>
          </a:p>
          <a:p>
            <a:pPr marL="969963" lvl="1" indent="-223838">
              <a:lnSpc>
                <a:spcPct val="115000"/>
              </a:lnSpc>
              <a:buClr>
                <a:schemeClr val="dk1"/>
              </a:buClr>
              <a:buSzPct val="100000"/>
              <a:buFontTx/>
              <a:buChar char="-"/>
            </a:pPr>
            <a:r>
              <a:rPr lang="en-US" sz="1800" dirty="0">
                <a:solidFill>
                  <a:schemeClr val="dk1"/>
                </a:solidFill>
                <a:latin typeface="Inter"/>
                <a:ea typeface="Inter"/>
                <a:cs typeface="Inter"/>
                <a:sym typeface="Inter"/>
              </a:rPr>
              <a:t>Avoiding sensitive information</a:t>
            </a:r>
          </a:p>
          <a:p>
            <a:pPr marL="457200" lvl="0" indent="457200">
              <a:lnSpc>
                <a:spcPct val="115000"/>
              </a:lnSpc>
            </a:pPr>
            <a:endParaRPr lang="en-US" sz="1800" dirty="0">
              <a:solidFill>
                <a:schemeClr val="dk1"/>
              </a:solidFill>
              <a:latin typeface="Inter"/>
              <a:ea typeface="Inter"/>
              <a:cs typeface="Inter"/>
              <a:sym typeface="Inter"/>
            </a:endParaRPr>
          </a:p>
          <a:p>
            <a:pPr marL="285750" lvl="0" indent="-285750">
              <a:lnSpc>
                <a:spcPct val="115000"/>
              </a:lnSpc>
              <a:buFont typeface="Arial" panose="020B0604020202020204" pitchFamily="34" charset="0"/>
              <a:buChar char="•"/>
            </a:pPr>
            <a:r>
              <a:rPr lang="en-US" sz="1800" b="1" dirty="0">
                <a:latin typeface="Inter"/>
                <a:ea typeface="Inter"/>
                <a:cs typeface="Inter"/>
                <a:sym typeface="Inter"/>
              </a:rPr>
              <a:t>Constraints encountered for data collection</a:t>
            </a:r>
            <a:endParaRPr lang="en-US" sz="1800" dirty="0"/>
          </a:p>
          <a:p>
            <a:pPr marL="400050" lvl="0" indent="1588">
              <a:lnSpc>
                <a:spcPct val="115000"/>
              </a:lnSpc>
              <a:buFont typeface="+mj-lt"/>
              <a:buAutoNum type="romanLcPeriod"/>
            </a:pPr>
            <a:r>
              <a:rPr lang="en-US" sz="1800" dirty="0">
                <a:latin typeface="Inter"/>
                <a:ea typeface="Inter"/>
                <a:cs typeface="Inter"/>
                <a:sym typeface="Inter"/>
              </a:rPr>
              <a:t>Data sensibility and privacy issues</a:t>
            </a:r>
            <a:endParaRPr lang="en-US" sz="1800" dirty="0"/>
          </a:p>
          <a:p>
            <a:pPr marL="400050" lvl="0" indent="1588">
              <a:lnSpc>
                <a:spcPct val="115000"/>
              </a:lnSpc>
              <a:buFont typeface="+mj-lt"/>
              <a:buAutoNum type="romanLcPeriod"/>
            </a:pPr>
            <a:r>
              <a:rPr lang="en-US" sz="1800" dirty="0">
                <a:latin typeface="Inter"/>
                <a:ea typeface="Inter"/>
                <a:cs typeface="Inter"/>
                <a:sym typeface="Inter"/>
              </a:rPr>
              <a:t>Target information missing (no inspection results)  </a:t>
            </a:r>
            <a:endParaRPr lang="en-US" sz="1800" dirty="0"/>
          </a:p>
          <a:p>
            <a:pPr marL="55562" lvl="5">
              <a:lnSpc>
                <a:spcPct val="115000"/>
              </a:lnSpc>
              <a:buClr>
                <a:schemeClr val="dk1"/>
              </a:buClr>
              <a:buSzPts val="1400"/>
            </a:pPr>
            <a:endParaRPr lang="en" sz="1800" b="1" dirty="0">
              <a:latin typeface="Inter"/>
              <a:ea typeface="Inter"/>
              <a:cs typeface="Inter"/>
              <a:sym typeface="Inter"/>
            </a:endParaRPr>
          </a:p>
          <a:p>
            <a:pPr marL="457200" marR="0" lvl="6" indent="-284163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Inter"/>
              <a:buAutoNum type="arabicPeriod"/>
            </a:pPr>
            <a:endParaRPr sz="1800" dirty="0">
              <a:latin typeface="Inter"/>
              <a:ea typeface="Inter"/>
              <a:cs typeface="Inter"/>
              <a:sym typeface="Inter"/>
            </a:endParaRPr>
          </a:p>
        </p:txBody>
      </p:sp>
      <p:pic>
        <p:nvPicPr>
          <p:cNvPr id="5" name="Google Shape;327;p57">
            <a:extLst>
              <a:ext uri="{FF2B5EF4-FFF2-40B4-BE49-F238E27FC236}">
                <a16:creationId xmlns:a16="http://schemas.microsoft.com/office/drawing/2014/main" id="{CADBBB59-8A48-4DC7-A352-06F3033083A7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431858" y="4735868"/>
            <a:ext cx="2623025" cy="40157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69961590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zLTAxVDAwOjAwOjAwWiIsIkVuZERhdGUiOiIyMDI0LTEwLTI0VDIzOjU5OjAwWiIsIlBlcmNlbnRhZ2VDb21wbGV0ZSI6bnVsbCwiU3R5bGUiOnsiJGlkIjoiNyIsIlNoYXBlIjo4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ODk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E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yNTUsIkciOjE5MiwiQiI6MH19LCJJc1Zpc2libGUiOnRydWUsIldpZHRoIjowLjAsIkhlaWdodCI6MTY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SwiRm9udE5hbWUiOiJDYWxpYnJpIiwiSXNCb2xkIjp0cnVlLCJJc0l0YWxpYyI6ZmFsc2UsIklzVW5kZXJsaW5lZCI6ZmFsc2UsIlBhcmVudFN0eWxlIjpudWxsfSwiQXV0b1NpemUiOjIsIkZvcmVncm91bmQiOnsiJGlkIjoiNDIiLCJDb2xvciI6eyIkaWQiOiI0MyIsIkEiOjI1NSwiUiI6MCwiRyI6MCwiQiI6MH19LCJNYXhXaWR0aCI6MjQwLjExMTQxOTY3NzczNDM4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jMiLCJUb3AiOjAuMCwiTGVmdCI6MC4wLCJSaWdodCI6MC4wLCJCb3R0b20iOjAuMH0sIlBhZGRpbmciOnsiJGlkIjoiMzY0IiwiVG9wIjowLjAsIkxlZnQiOjAuMCwiUmlnaHQiOjAuMCwiQm90dG9tIjowLjB9LCJCYWNrZ3JvdW5kIjp7IiRpZCI6IjM2NSIsIkNvbG9yIjp7IiRpZCI6IjM2NiIsIkEiOjg5LCJSIjowLCJHIjowLCJCIjowfX0sIklzVmlzaWJsZSI6dHJ1ZSwiV2lkdGgiOjAuMCwiSGVpZ2h0IjowLjAsIkJvcmRlclN0eWxlIjp7IiRpZCI6IjM2NyIsIkxpbmVDb2xvciI6bnVsbCwiTGluZVdlaWdodCI6MC4wLCJMaW5lVHlwZSI6MCwiUGFyZW50U3R5bGUiOm51bGx9LCJQYXJlbnRTdHlsZSI6bnVsbH0sIkR1cmF0aW9u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GlkIjoiNDA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g5LCJSIjowLCJHIjowLCJCIjowfX0sIklzVmlzaWJsZSI6dHJ1ZSwiV2lkdGgiOjAuMCwiSGVpZ2h0IjowLjAsIkJvcmRlclN0eWxlIjpudWxsLCJQYXJlbnRTdHlsZSI6bnVsbH0sIkRhdGVTdHlsZSI6eyIkaWQiOiI3MTMiLCJGb250U2V0dGluZ3MiOnsiJGlkIjoiNzE0IiwiRm9udFNpemUiOjEwLCJGb250TmFtZSI6IkNhbGlicmkiLCJJc0JvbGQiOmZhbHNlLCJJc0l0YWxpYyI6ZmFsc2UsIklzVW5kZXJsaW5lZCI6ZmFsc2UsIlBhcmVudFN0eWxlIjpudWxsfSwiQXV0b1NpemUiOjAsIkZvcmVncm91bmQiOnsiJGlkIjoiNzE1IiwiQ29sb3IiOnsiJGlkIjoiNz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TciLCJUb3AiOjAuMCwiTGVmdCI6MC4wLCJSaWdodCI6MC4wLCJCb3R0b20iOjAuMH0sIlBhZGRpbmciOnsiJGlkIjoiNzE4IiwiVG9wIjowLjAsIkxlZnQiOjAuMCwiUmlnaHQiOjAuMCwiQm90dG9tIjowLjB9LCJCYWNrZ3JvdW5kIjp7IiRpZCI6IjcxOSIsIkNvbG9yIjp7IiRpZCI6IjcyMCIsIkEiOjg5LCJSIjowLCJHIjowLCJCIjowfX0sIklzVmlzaWJsZSI6dHJ1ZSwiV2lkdGgiOjAuMCwiSGVpZ2h0IjowLjAsIkJvcmRlclN0eWxlIjpudWxsLCJQYXJlbnRTdHlsZSI6bnVsbH0sIkRhdGVGb3JtYXQiOnsiJGlkIjoiNz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EZWZhdWx0VGFza1N0eWxlIjp7IiRpZCI6IjcyMyIsIlNoYXBlIjo4LCJTaGFwZVRoaWNrbmVzcyI6MSwiRHVyYXRpb25Gb3JtYXQiOjAsIkluY2x1ZGVOb25Xb3JraW5nRGF5c0luRHVyYXRpb24iOmZhbHNlLCJQZXJjZW50YWdlQ29tcGxldGVTdHlsZSI6eyIkaWQiOiI3MjQiLCJGb250U2V0dGluZ3MiOnsiJGlkIjoiNzI1IiwiRm9udFNpemUiOjEwLCJGb250TmFtZSI6IkNhbGlicmkiLCJJc0JvbGQiOmZhbHNlLCJJc0l0YWxpYyI6ZmFsc2UsIklzVW5kZXJsaW5lZCI6ZmFsc2UsIlBhcmVudFN0eWxlIjpudWxsfSwiQXV0b1NpemUiOjAsIkZvcmVncm91bmQiOnsiJGlkIjoiNzI2IiwiQ29sb3IiOnsiJGlkIjoiNz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2NiIsIlRvcCI6MC4wLCJMZWZ0IjowLjAsIlJpZ2h0IjowLjAsIkJvdHRvbSI6MC4wfSwiUGFkZGluZyI6eyIkaWQiOiI3NjciLCJUb3AiOjAuMCwiTGVmdCI6MC4wLCJSaWdodCI6MC4wLCJCb3R0b20iOjAuMH0sIkJhY2tncm91bmQiOnsiJGlkIjoiNzY4IiwiQ29sb3IiOnsiJGlkIjoiNzY5IiwiQSI6ODksIlIiOjAsIkciOjAsIkIiOjB9fSwiSXNWaXNpYmxlIjp0cnVlLCJXaWR0aCI6MC4wLCJIZWlnaHQiOjAuMCwiQm9yZGVyU3R5bGUiOm51bGwsIlBhcmVudFN0eWxlIjpudWxsfSwiRGF0ZUZvcm1hdCI6eyIkaWQiOiI3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xIiwiRm9ybWF0IjowLCJJc1Zpc2libGUiOmZhbHNlLCJMYXN0S25vd25WaXNpYmlsaXR5U3RhdGUiOmZhbHNlfSwiSXNWaXNpYmxlIjp0cnVlLCJQYXJlbnRTdHlsZSI6bnVsbCwiX2V4cGxpY2l0bHlTZXQiOnsiJGlkIjoiNzc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NCIsIlRvcCI6MC4wLCJMZWZ0IjowLjAsIlJpZ2h0IjowLjAsIkJvdHRvbSI6MC4wfSwiUGFkZGluZyI6eyIkaWQiOiI3OTUiLCJUb3AiOjAuMCwiTGVmdCI6MC4wLCJSaWdodCI6MC4wLCJCb3R0b20iOjAuMH0sIkJhY2tncm91bmQiOnsiJGlkIjoiNzk2IiwiQ29sb3IiOnsiJGlkIjoiNzk3IiwiQSI6ODksIlIiOjAsIkciOjAsIkIiOjB9fSwiSXNWaXNpYmxlIjp0cnVlLCJXaWR0aCI6MC4wLCJIZWlnaHQiOjAuMCwiQm9yZGVyU3R5bGUiOm51bGwsIlBhcmVudFN0eWxlIjpudWxsfSwiRGF0ZUZvcm1hdCI6eyIkaWQiOiI3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5NyIsIlRvcCI6MC4wLCJMZWZ0IjowLjAsIlJpZ2h0IjowLjAsIkJvdHRvbSI6MC4wfSwiUGFkZGluZyI6eyIkaWQiOiI4OTgiLCJUb3AiOjAuMCwiTGVmdCI6MC4wLCJSaWdodCI6MC4wLCJCb3R0b20iOjAuMH0sIkJhY2tncm91bmQiOnsiJGlkIjoiODk5IiwiQ29sb3IiOnsiJGlkIjoiOTAwIiwiQSI6ODksIlIiOjAsIkciOjAsIkIiOjB9fSwiSXNWaXNpYmxlIjp0cnVlLCJXaWR0aCI6MC4wLCJIZWlnaHQiOjAuMCwiQm9yZGVyU3R5bGUiOnsiJGlkIjoiOTAxIiwiTGluZUNvbG9yIjpudWxsLCJMaW5lV2VpZ2h0IjowLjAsIkxpbmVUeXBlIjowLCJQYXJlbnRTdHlsZSI6bnVsbH0sIlBhcmVudFN0eWxlIjpudWxsfSwiRGF0ZUZvcm1hdCI6eyIkaWQiOiI5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xNzgsXCJHXCI6MTc4LFwiQlwiOjE3OH19LFwiSXNWaXNpYmxlXCI6dHJ1ZSxcIldpZHRoXCI6M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MTc4LFwiR1wiOjE3OCxcIkJcIjoxNzh9fSxcIklzVmlzaWJsZVwiOnRydWUsXCJXaWR0aFwiOjA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E3OCxcIkdcIjoxNzgsXCJCXCI6MTc4fX0sXCJJc1Zpc2libGVcIjp0cnVlLFwiV2lkdGhcIjow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S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wLFwiR1wiOjAsXCJCXCI6MH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E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AsXCJHXCI6MCxcIkJcIjow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x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wLFwiR1wiOjAsXCJCXCI6MH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I1NSxcIkdcIjoxOTIsXCJCXCI6MH19LFwiQXBwZW5kWWVhck9uWWVhckNoYW5nZVwiOnRydWUsXCJFbGFwc2VkVGltZUZvcm1hdFwiOjE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3OCxcIkdcIjoxNzgsXCJCXCI6MTc4fX0sXCJJc1Zpc2libGVcIjp0cnVlLFwiV2lkdGhcIjowLjAsXCJIZWlnaHRcIjowLjAsXCJCb3JkZXJTdHlsZVwiOm51bGx9LFwiRGVmYXVsdE1pbGVzdG9uZVN0eWxlXCI6e1wiJGlkXCI6XCI4NVwiLFwiU2hhcGVcIjo3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c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4LjAsXCJIZWlnaHRcIjoyMC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AsXCJTaGFwZVRoaWNrbmVzc1wiOjI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xLjAsXCJMaW5lVHlwZVwiOjB9LFwiTWFyZ2luXCI6bnVsbCxcIlN0YXJ0RGF0ZVBvc2l0aW9uXCI6NCxcIkVuZERhdGVQb3NpdGlvblwiOjQsXCJUaXRsZVBvc2l0aW9uXCI6Mi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Iy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dHJ1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TEwIiwiVXNlVGltZSI6ZmFsc2UsIldvcmtEYXlTdGFydCI6IjAwOjAwOjAwIiwiV29ya0RheUVuZCI6IjIzOjU5OjAwIn0sIkxhc3RVc2VkVGVtcGxhdGVJZCI6Ijk2NTNlZjc2LTRiYTctNDYwNi1hOTk2LWVjZDhhMzFmNzY3MiIsIkZpcnN0V2Vla09mWWVhciI6MCwiUGxhY2VNaWxlc3RvbmVBdFRoZUJlZ2lubmluZ09mVGhlRGF5IjpmYWxzZSwiRGVwZW5kZW5jeVNjaGVkdWxpbmdTZXR0aW5ncyI6eyIkaWQiOiI5MT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LeafTimeband"/>
  <p:tag name="OTLTIMEBANDSHAPEHEIGHT" val="30"/>
  <p:tag name="OTLTIMEBANDSHAPEPADDINGLEFT" val="1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11-04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01T00:00:00.0000000Z"/>
  <p:tag name="OTLENDDATE" val="2024-10-24T23:59:00.0000000Z"/>
  <p:tag name="OTLDURATIONFORMAT" val="day"/>
  <p:tag name="OTLSPACING" val="5"/>
  <p:tag name="OTLSHAPETHICKNESSTYPE" val="Regular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10-25T00:00:00.0000000Z"/>
  <p:tag name="OTLENDDATE" val="2025-04-10T23:59:00.0000000Z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5-04-11T00:00:00.0000000Z"/>
  <p:tag name="OTLENDDATE" val="2025-09-25T23:59:00.0000000Z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5-09-26T00:00:00.0000000Z"/>
  <p:tag name="OTLENDDATE" val="2026-03-12T23:59:00.0000000Z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6-03-13T00:00:00.0000000Z"/>
  <p:tag name="OTLENDDATE" val="2026-08-27T23:59:00.0000000Z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908ded56-7741-4805-a6a4-a84de3f274ee"/>
  <p:tag name="OTLDEPDESTINATIONID" val="2ad5a2e1-b09c-493b-ae3a-7cce038bdb2b"/>
  <p:tag name="OTLDEPENDENCYLAGUNIT" val="Undefined"/>
  <p:tag name="OTLDEPENDENCYLAGVALUE" val="0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2ad5a2e1-b09c-493b-ae3a-7cce038bdb2b"/>
  <p:tag name="OTLDEPDESTINATIONID" val="2d7c5970-b59a-4a33-a61c-312465d67646"/>
  <p:tag name="OTLDEPENDENCYLAGUNIT" val="Undefined"/>
  <p:tag name="OTLDEPENDENCYLAGVALUE" val="0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2d7c5970-b59a-4a33-a61c-312465d67646"/>
  <p:tag name="OTLDEPDESTINATIONID" val="e3455a22-98ff-41c7-b6a8-533466e4599f"/>
  <p:tag name="OTLDEPENDENCYLAGUNIT" val="Undefined"/>
  <p:tag name="OTLDEPENDENCYLAGVALUE" val="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e3455a22-98ff-41c7-b6a8-533466e4599f"/>
  <p:tag name="OTLDEPDESTINATIONID" val="7437aa9a-da93-4e1e-a22f-dbbf1d8ece52"/>
  <p:tag name="OTLDEPENDENCYLAGUNIT" val="Undefined"/>
  <p:tag name="OTLDEPENDENCYLAGVALUE" val="0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imple Light">
  <a:themeElements>
    <a:clrScheme name="Simple Light">
      <a:dk1>
        <a:srgbClr val="000000"/>
      </a:dk1>
      <a:lt1>
        <a:srgbClr val="FFFFFF"/>
      </a:lt1>
      <a:dk2>
        <a:srgbClr val="595959"/>
      </a:dk2>
      <a:lt2>
        <a:srgbClr val="EEEEEE"/>
      </a:lt2>
      <a:accent1>
        <a:srgbClr val="4285F4"/>
      </a:accent1>
      <a:accent2>
        <a:srgbClr val="212121"/>
      </a:accent2>
      <a:accent3>
        <a:srgbClr val="78909C"/>
      </a:accent3>
      <a:accent4>
        <a:srgbClr val="FFAB40"/>
      </a:accent4>
      <a:accent5>
        <a:srgbClr val="0097A7"/>
      </a:accent5>
      <a:accent6>
        <a:srgbClr val="EEFF41"/>
      </a:accent6>
      <a:hlink>
        <a:srgbClr val="0097A7"/>
      </a:hlink>
      <a:folHlink>
        <a:srgbClr val="0097A7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Simple Light">
  <a:themeElements>
    <a:clrScheme name="Custom">
      <a:dk1>
        <a:srgbClr val="100F19"/>
      </a:dk1>
      <a:lt1>
        <a:srgbClr val="F8F6F3"/>
      </a:lt1>
      <a:dk2>
        <a:srgbClr val="595959"/>
      </a:dk2>
      <a:lt2>
        <a:srgbClr val="F8F6F3"/>
      </a:lt2>
      <a:accent1>
        <a:srgbClr val="0400E5"/>
      </a:accent1>
      <a:accent2>
        <a:srgbClr val="7E7CF0"/>
      </a:accent2>
      <a:accent3>
        <a:srgbClr val="FFD90F"/>
      </a:accent3>
      <a:accent4>
        <a:srgbClr val="FF794F"/>
      </a:accent4>
      <a:accent5>
        <a:srgbClr val="0097A7"/>
      </a:accent5>
      <a:accent6>
        <a:srgbClr val="EEFF41"/>
      </a:accent6>
      <a:hlink>
        <a:srgbClr val="0097A7"/>
      </a:hlink>
      <a:folHlink>
        <a:srgbClr val="0097A7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014</TotalTime>
  <Words>4766</Words>
  <Application>Microsoft Office PowerPoint</Application>
  <PresentationFormat>On-screen Show (16:9)</PresentationFormat>
  <Paragraphs>923</Paragraphs>
  <Slides>54</Slides>
  <Notes>53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54</vt:i4>
      </vt:variant>
    </vt:vector>
  </HeadingPairs>
  <TitlesOfParts>
    <vt:vector size="64" baseType="lpstr">
      <vt:lpstr>Arial</vt:lpstr>
      <vt:lpstr>Arial Rounded MT Bold</vt:lpstr>
      <vt:lpstr>Calibri</vt:lpstr>
      <vt:lpstr>Cambria Math</vt:lpstr>
      <vt:lpstr>Franklin Gothic Book</vt:lpstr>
      <vt:lpstr>Inter</vt:lpstr>
      <vt:lpstr>Nunito</vt:lpstr>
      <vt:lpstr>Wingdings</vt:lpstr>
      <vt:lpstr>Simple Light</vt:lpstr>
      <vt:lpstr>Simple Light</vt:lpstr>
      <vt:lpstr>Data Analytics for Customs  WCO BACUDA Data Analytics Programme 2023 (2nd Edition) </vt:lpstr>
      <vt:lpstr>OUTLINE OF PRESENTATION</vt:lpstr>
      <vt:lpstr>OVERVIEW</vt:lpstr>
      <vt:lpstr>BACKGROUND</vt:lpstr>
      <vt:lpstr>BACKGROUND</vt:lpstr>
      <vt:lpstr>SWOT ANALYSIS</vt:lpstr>
      <vt:lpstr>PROBLEM STATEMENT</vt:lpstr>
      <vt:lpstr>TYPE OF MACHINE LEARNING</vt:lpstr>
      <vt:lpstr>DATA COLLECTION </vt:lpstr>
      <vt:lpstr>DATA COLLECTION </vt:lpstr>
      <vt:lpstr>DATASET FEATURES </vt:lpstr>
      <vt:lpstr>METHODOLOGY </vt:lpstr>
      <vt:lpstr>MODEL PIPELIN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FEATURE ENGINEERING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EVALUATION METRIC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DEPLOYMENT STRATEGIES</vt:lpstr>
      <vt:lpstr>PowerPoint Presentation</vt:lpstr>
      <vt:lpstr>DEPLOYMENT CHALLENGES AND SOLUTIONS</vt:lpstr>
      <vt:lpstr>COST BENEFIT ANALYSIS</vt:lpstr>
      <vt:lpstr>LIMITATIONS OF PROJECT</vt:lpstr>
      <vt:lpstr>CONCLUSION</vt:lpstr>
      <vt:lpstr>PowerPoint Presentation</vt:lpstr>
      <vt:lpstr>PowerPoint Presentation</vt:lpstr>
      <vt:lpstr>COST BENEFIT ANALYSIS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ata Analytics for Customs  WCO BACUDA Data Analytics Programme 2023 (2nd Edition)</dc:title>
  <dc:creator>Hansa Balliah</dc:creator>
  <cp:lastModifiedBy>Hansa Balliah</cp:lastModifiedBy>
  <cp:revision>260</cp:revision>
  <dcterms:modified xsi:type="dcterms:W3CDTF">2024-01-18T03:05:45Z</dcterms:modified>
</cp:coreProperties>
</file>